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1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1:$M$71</definedName>
    <definedName name="_xlnm.Print_Area" localSheetId="12">'WS H-p2 Detail of Tax Amts'!$A$1:$I$111</definedName>
    <definedName name="_xlnm.Print_Area" localSheetId="13">'WS I RESERVED'!$A$1:$J$15</definedName>
    <definedName name="_xlnm.Print_Area" localSheetId="14">'WS J PROJECTED RTEP RR'!$A$1:$O$977</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WS P Dep. Rates'!$A$1:$F$39</definedName>
    <definedName name="_xlnm.Print_Area" localSheetId="21">'WS Q Cap Structure'!$A$1:$J$239</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I43" i="5" l="1"/>
  <c r="I41" i="5"/>
  <c r="G89" i="2" s="1"/>
  <c r="G130" i="2"/>
  <c r="D30" i="40"/>
  <c r="D33" i="40" s="1"/>
  <c r="G146" i="2" s="1"/>
  <c r="D23" i="40"/>
  <c r="D18" i="40"/>
  <c r="D20" i="40" s="1"/>
  <c r="I17" i="6"/>
  <c r="G101" i="2" s="1"/>
  <c r="L216" i="2"/>
  <c r="G217" i="2"/>
  <c r="C39" i="42"/>
  <c r="C40" i="42" s="1"/>
  <c r="C41" i="42" s="1"/>
  <c r="C42" i="42" s="1"/>
  <c r="C36" i="42"/>
  <c r="C21" i="42"/>
  <c r="C39" i="41"/>
  <c r="C36" i="41"/>
  <c r="C31" i="41"/>
  <c r="C21" i="41"/>
  <c r="C27" i="41" s="1"/>
  <c r="C30" i="41"/>
  <c r="C39" i="35"/>
  <c r="C36" i="35"/>
  <c r="C27" i="35"/>
  <c r="C21" i="35"/>
  <c r="C23" i="35" s="1"/>
  <c r="B8" i="35"/>
  <c r="B8" i="41"/>
  <c r="B8" i="42"/>
  <c r="F101" i="31"/>
  <c r="H35" i="39"/>
  <c r="G22" i="39"/>
  <c r="G21" i="39"/>
  <c r="G20" i="39"/>
  <c r="G19" i="39"/>
  <c r="G18" i="39"/>
  <c r="G17" i="39"/>
  <c r="G16" i="39"/>
  <c r="G15" i="39"/>
  <c r="G14" i="39"/>
  <c r="G13" i="39"/>
  <c r="G11" i="39"/>
  <c r="G10" i="39"/>
  <c r="F72" i="9"/>
  <c r="G145" i="2" s="1"/>
  <c r="L145" i="2" s="1"/>
  <c r="E68" i="9"/>
  <c r="E69" i="9"/>
  <c r="L42" i="2"/>
  <c r="L43" i="2"/>
  <c r="I64" i="6"/>
  <c r="K64" i="6" s="1"/>
  <c r="E64" i="6" s="1"/>
  <c r="I63" i="6"/>
  <c r="K63" i="6" s="1"/>
  <c r="I41" i="6"/>
  <c r="K41" i="6" s="1"/>
  <c r="E41" i="6" s="1"/>
  <c r="B44" i="43"/>
  <c r="O27" i="43"/>
  <c r="N27" i="43"/>
  <c r="L27" i="43"/>
  <c r="K27" i="43"/>
  <c r="J27" i="43"/>
  <c r="I27" i="43"/>
  <c r="B27" i="43"/>
  <c r="M24" i="43"/>
  <c r="P24" i="43" s="1"/>
  <c r="M27" i="43"/>
  <c r="P23" i="43"/>
  <c r="P19" i="43"/>
  <c r="Q18" i="43"/>
  <c r="P17" i="43"/>
  <c r="P27" i="43" s="1"/>
  <c r="P16" i="43"/>
  <c r="Q15" i="43"/>
  <c r="Q14" i="43"/>
  <c r="Q27" i="43"/>
  <c r="P13" i="43"/>
  <c r="F64" i="9"/>
  <c r="I50" i="5"/>
  <c r="C43" i="42"/>
  <c r="C44" i="42" s="1"/>
  <c r="C45" i="42" s="1"/>
  <c r="C46" i="42" s="1"/>
  <c r="C47" i="42" s="1"/>
  <c r="C48" i="42" s="1"/>
  <c r="C49" i="42" s="1"/>
  <c r="C50" i="42" s="1"/>
  <c r="H23" i="42"/>
  <c r="H24" i="42" s="1"/>
  <c r="H25" i="42" s="1"/>
  <c r="H26" i="42" s="1"/>
  <c r="H27" i="42"/>
  <c r="H28" i="42" s="1"/>
  <c r="H29" i="42" s="1"/>
  <c r="H30" i="42" s="1"/>
  <c r="H31" i="42"/>
  <c r="H32" i="42" s="1"/>
  <c r="H22" i="42"/>
  <c r="G10" i="42"/>
  <c r="C10" i="42"/>
  <c r="C40" i="35"/>
  <c r="C41" i="35" s="1"/>
  <c r="C42" i="35" s="1"/>
  <c r="C43" i="35" s="1"/>
  <c r="C44" i="35" s="1"/>
  <c r="C45" i="35" s="1"/>
  <c r="C46" i="35" s="1"/>
  <c r="C47" i="35" s="1"/>
  <c r="C48" i="35" s="1"/>
  <c r="C49" i="35" s="1"/>
  <c r="C50" i="35" s="1"/>
  <c r="C40" i="41"/>
  <c r="C41" i="41" s="1"/>
  <c r="C42" i="41" s="1"/>
  <c r="C43" i="41" s="1"/>
  <c r="C44" i="41"/>
  <c r="C45" i="41" s="1"/>
  <c r="C46" i="41" s="1"/>
  <c r="C47" i="41" s="1"/>
  <c r="C48" i="41" s="1"/>
  <c r="C49" i="41" s="1"/>
  <c r="C50" i="41" s="1"/>
  <c r="F42" i="38"/>
  <c r="D42" i="38"/>
  <c r="G72" i="2" s="1"/>
  <c r="F23" i="38"/>
  <c r="D23" i="38"/>
  <c r="G64" i="2" s="1"/>
  <c r="D906" i="20"/>
  <c r="C906" i="20"/>
  <c r="C907" i="20" s="1"/>
  <c r="C908" i="20" s="1"/>
  <c r="C909" i="20" s="1"/>
  <c r="C910" i="20" s="1"/>
  <c r="C911" i="20" s="1"/>
  <c r="C912" i="20" s="1"/>
  <c r="C913" i="20" s="1"/>
  <c r="C914" i="20" s="1"/>
  <c r="C915" i="20" s="1"/>
  <c r="C916" i="20" s="1"/>
  <c r="C917" i="20" s="1"/>
  <c r="C918" i="20" s="1"/>
  <c r="C919" i="20" s="1"/>
  <c r="C920" i="20" s="1"/>
  <c r="C921" i="20"/>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D32" i="32"/>
  <c r="C31" i="32"/>
  <c r="D31" i="32"/>
  <c r="D30" i="32"/>
  <c r="D29" i="32"/>
  <c r="H22" i="41"/>
  <c r="H23" i="41"/>
  <c r="H24" i="41" s="1"/>
  <c r="H25" i="41" s="1"/>
  <c r="H26" i="41" s="1"/>
  <c r="H27" i="41"/>
  <c r="H28" i="41" s="1"/>
  <c r="H29" i="41" s="1"/>
  <c r="H30" i="41" s="1"/>
  <c r="H31" i="41" s="1"/>
  <c r="H32" i="41" s="1"/>
  <c r="G10" i="41"/>
  <c r="C10" i="41"/>
  <c r="H22" i="35"/>
  <c r="H23" i="35" s="1"/>
  <c r="H24" i="35" s="1"/>
  <c r="H25" i="35" s="1"/>
  <c r="H26" i="35" s="1"/>
  <c r="H27" i="35" s="1"/>
  <c r="H28" i="35" s="1"/>
  <c r="H29" i="35" s="1"/>
  <c r="H30" i="35" s="1"/>
  <c r="H31" i="35" s="1"/>
  <c r="H32" i="35" s="1"/>
  <c r="G10" i="35"/>
  <c r="C10" i="35"/>
  <c r="D815" i="20"/>
  <c r="C815" i="20"/>
  <c r="C816" i="20"/>
  <c r="C817" i="20"/>
  <c r="C818" i="20" s="1"/>
  <c r="C819" i="20" s="1"/>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c r="C728" i="20" s="1"/>
  <c r="C729" i="20" s="1"/>
  <c r="C730"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c r="C639" i="20"/>
  <c r="C640" i="20"/>
  <c r="C641" i="20" s="1"/>
  <c r="C642" i="20" s="1"/>
  <c r="C643" i="20"/>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K632" i="20"/>
  <c r="I631" i="20"/>
  <c r="O618" i="20"/>
  <c r="N618" i="20"/>
  <c r="A618" i="20"/>
  <c r="D548" i="20"/>
  <c r="C548" i="20"/>
  <c r="C549" i="20"/>
  <c r="C550" i="20" s="1"/>
  <c r="C551" i="20" s="1"/>
  <c r="C552" i="20"/>
  <c r="C553" i="20" s="1"/>
  <c r="C554" i="20" s="1"/>
  <c r="C555" i="20" s="1"/>
  <c r="C556" i="20" s="1"/>
  <c r="C557" i="20" s="1"/>
  <c r="C558" i="20" s="1"/>
  <c r="C559" i="20" s="1"/>
  <c r="C560" i="20"/>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s="1"/>
  <c r="C461" i="20" s="1"/>
  <c r="C462" i="20" s="1"/>
  <c r="C463" i="20"/>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K454" i="20"/>
  <c r="I453" i="20"/>
  <c r="D369" i="20"/>
  <c r="C369" i="20"/>
  <c r="C370" i="20" s="1"/>
  <c r="C371" i="20" s="1"/>
  <c r="C372" i="20" s="1"/>
  <c r="C373" i="20" s="1"/>
  <c r="C374" i="20" s="1"/>
  <c r="K364" i="20"/>
  <c r="I363" i="20"/>
  <c r="D280" i="20"/>
  <c r="C280" i="20"/>
  <c r="C281" i="20" s="1"/>
  <c r="C282" i="20" s="1"/>
  <c r="C283" i="20" s="1"/>
  <c r="C284" i="20" s="1"/>
  <c r="C285" i="20"/>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K275" i="20"/>
  <c r="I274" i="20"/>
  <c r="O261" i="20"/>
  <c r="N261" i="20"/>
  <c r="A261" i="20"/>
  <c r="D191" i="20"/>
  <c r="C191" i="20"/>
  <c r="C192" i="20"/>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D62" i="38"/>
  <c r="C62" i="38"/>
  <c r="L206" i="2"/>
  <c r="G74" i="2"/>
  <c r="G66" i="2"/>
  <c r="A7" i="40"/>
  <c r="A4" i="40"/>
  <c r="A3" i="40"/>
  <c r="A12" i="40"/>
  <c r="A15" i="40" s="1"/>
  <c r="A16" i="40"/>
  <c r="A17" i="40" s="1"/>
  <c r="A18" i="40" s="1"/>
  <c r="A19" i="40" s="1"/>
  <c r="A20" i="40" s="1"/>
  <c r="A21"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A11" i="39"/>
  <c r="A12" i="39"/>
  <c r="A13" i="39"/>
  <c r="A14" i="39" s="1"/>
  <c r="A15" i="39" s="1"/>
  <c r="A16" i="39" s="1"/>
  <c r="A17" i="39" s="1"/>
  <c r="A18" i="39"/>
  <c r="A19" i="39" s="1"/>
  <c r="A20" i="39" s="1"/>
  <c r="A21" i="39" s="1"/>
  <c r="A22" i="39" s="1"/>
  <c r="A23" i="39" s="1"/>
  <c r="A2" i="39"/>
  <c r="B6" i="14"/>
  <c r="A6" i="13"/>
  <c r="A81" i="13"/>
  <c r="A6" i="20"/>
  <c r="A6" i="31"/>
  <c r="A6" i="11"/>
  <c r="A6" i="10"/>
  <c r="A6" i="9"/>
  <c r="A6" i="8"/>
  <c r="B36" i="8"/>
  <c r="A6" i="7"/>
  <c r="B26" i="7" s="1"/>
  <c r="A6" i="6"/>
  <c r="A6" i="5"/>
  <c r="A4" i="38"/>
  <c r="Q27" i="21"/>
  <c r="Q22" i="21"/>
  <c r="Q17" i="21"/>
  <c r="D48" i="38"/>
  <c r="C48" i="38"/>
  <c r="F28" i="38"/>
  <c r="D28" i="38"/>
  <c r="A69" i="38"/>
  <c r="A71" i="38" s="1"/>
  <c r="E87" i="38"/>
  <c r="D87" i="38"/>
  <c r="F86" i="38"/>
  <c r="F85" i="38"/>
  <c r="E80" i="38"/>
  <c r="D80" i="38"/>
  <c r="F79" i="38"/>
  <c r="F78" i="38"/>
  <c r="F77" i="38"/>
  <c r="F76" i="38"/>
  <c r="F75" i="38"/>
  <c r="F71" i="38"/>
  <c r="L93" i="2" s="1"/>
  <c r="F69" i="38"/>
  <c r="G93" i="2"/>
  <c r="A11" i="38"/>
  <c r="A12" i="38" s="1"/>
  <c r="A13" i="38" s="1"/>
  <c r="A14" i="38"/>
  <c r="A15" i="38" s="1"/>
  <c r="A16" i="38" s="1"/>
  <c r="A17" i="38" s="1"/>
  <c r="A18" i="38" s="1"/>
  <c r="A19" i="38" s="1"/>
  <c r="A20" i="38" s="1"/>
  <c r="A21" i="38" s="1"/>
  <c r="A22" i="38" s="1"/>
  <c r="A23" i="38" s="1"/>
  <c r="A2" i="38"/>
  <c r="E40" i="31"/>
  <c r="I41" i="31"/>
  <c r="I40" i="31" s="1"/>
  <c r="I39" i="31"/>
  <c r="I36" i="31"/>
  <c r="I35" i="31"/>
  <c r="I34" i="31"/>
  <c r="I33" i="31"/>
  <c r="I32" i="31"/>
  <c r="I25" i="31"/>
  <c r="I26" i="31"/>
  <c r="I27" i="31"/>
  <c r="I28" i="31"/>
  <c r="I23" i="31" s="1"/>
  <c r="I29" i="31"/>
  <c r="I24"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G107" i="37"/>
  <c r="C107" i="37"/>
  <c r="K106" i="37"/>
  <c r="J106" i="37"/>
  <c r="I106" i="37"/>
  <c r="F106" i="37"/>
  <c r="E106" i="37"/>
  <c r="G106" i="37" s="1"/>
  <c r="F105" i="37"/>
  <c r="E105" i="37"/>
  <c r="G105" i="37" s="1"/>
  <c r="F104" i="37"/>
  <c r="G104" i="37"/>
  <c r="E104" i="37"/>
  <c r="F103" i="37"/>
  <c r="E103" i="37"/>
  <c r="G103" i="37"/>
  <c r="F102" i="37"/>
  <c r="E102" i="37"/>
  <c r="G102" i="37"/>
  <c r="F101" i="37"/>
  <c r="E101" i="37"/>
  <c r="F100" i="37"/>
  <c r="G100" i="37"/>
  <c r="E100" i="37"/>
  <c r="F99" i="37"/>
  <c r="E99" i="37"/>
  <c r="F98" i="37"/>
  <c r="E98" i="37"/>
  <c r="G98" i="37" s="1"/>
  <c r="F97" i="37"/>
  <c r="E97" i="37"/>
  <c r="G97" i="37" s="1"/>
  <c r="F96" i="37"/>
  <c r="G96" i="37"/>
  <c r="E96" i="37"/>
  <c r="K95" i="37"/>
  <c r="J95" i="37"/>
  <c r="I95" i="37"/>
  <c r="D95" i="37"/>
  <c r="C95" i="37"/>
  <c r="G95" i="37"/>
  <c r="K94" i="37"/>
  <c r="J94" i="37"/>
  <c r="I94" i="37"/>
  <c r="D94" i="37"/>
  <c r="C94" i="37"/>
  <c r="K93" i="37"/>
  <c r="J93" i="37"/>
  <c r="I93" i="37"/>
  <c r="D93" i="37"/>
  <c r="C93" i="37"/>
  <c r="K92" i="37"/>
  <c r="J92" i="37"/>
  <c r="I92" i="37"/>
  <c r="D92" i="37"/>
  <c r="C92" i="37"/>
  <c r="G92" i="37"/>
  <c r="K91" i="37"/>
  <c r="J91" i="37"/>
  <c r="I91" i="37"/>
  <c r="D91" i="37"/>
  <c r="C91" i="37"/>
  <c r="G91" i="37" s="1"/>
  <c r="K90" i="37"/>
  <c r="J90" i="37"/>
  <c r="I90" i="37"/>
  <c r="D90" i="37"/>
  <c r="C90" i="37"/>
  <c r="K89" i="37"/>
  <c r="J89" i="37"/>
  <c r="I89" i="37"/>
  <c r="D89" i="37"/>
  <c r="C89" i="37"/>
  <c r="G89" i="37"/>
  <c r="K88" i="37"/>
  <c r="J88" i="37"/>
  <c r="I88" i="37"/>
  <c r="D88" i="37"/>
  <c r="C88" i="37"/>
  <c r="K87" i="37"/>
  <c r="J87" i="37"/>
  <c r="I87" i="37"/>
  <c r="D87" i="37"/>
  <c r="C87" i="37"/>
  <c r="G87" i="37" s="1"/>
  <c r="K86" i="37"/>
  <c r="J86" i="37"/>
  <c r="I86" i="37"/>
  <c r="D86" i="37"/>
  <c r="G86" i="37"/>
  <c r="C86" i="37"/>
  <c r="K85" i="37"/>
  <c r="J85" i="37"/>
  <c r="I85" i="37"/>
  <c r="D85" i="37"/>
  <c r="C85" i="37"/>
  <c r="G85" i="37" s="1"/>
  <c r="K84" i="37"/>
  <c r="J84" i="37"/>
  <c r="I84" i="37"/>
  <c r="D84" i="37"/>
  <c r="C84" i="37"/>
  <c r="G84" i="37" s="1"/>
  <c r="K83" i="37"/>
  <c r="J83" i="37"/>
  <c r="I83" i="37"/>
  <c r="D83" i="37"/>
  <c r="C83" i="37"/>
  <c r="G83" i="37" s="1"/>
  <c r="K82" i="37"/>
  <c r="J82" i="37"/>
  <c r="I82" i="37"/>
  <c r="D82" i="37"/>
  <c r="G82" i="37"/>
  <c r="C82" i="37"/>
  <c r="K81" i="37"/>
  <c r="J81" i="37"/>
  <c r="I81" i="37"/>
  <c r="D81" i="37"/>
  <c r="C81" i="37"/>
  <c r="K80" i="37"/>
  <c r="J80" i="37"/>
  <c r="I80" i="37"/>
  <c r="D80" i="37"/>
  <c r="C80" i="37"/>
  <c r="G80" i="37"/>
  <c r="K79" i="37"/>
  <c r="J79" i="37"/>
  <c r="I79" i="37"/>
  <c r="D79" i="37"/>
  <c r="C79" i="37"/>
  <c r="K78" i="37"/>
  <c r="J78" i="37"/>
  <c r="J110" i="37"/>
  <c r="I78" i="37"/>
  <c r="D78" i="37"/>
  <c r="C78" i="37"/>
  <c r="G78" i="37"/>
  <c r="K77" i="37"/>
  <c r="K110" i="37" s="1"/>
  <c r="J77" i="37"/>
  <c r="I77" i="37"/>
  <c r="I110" i="37" s="1"/>
  <c r="D77" i="37"/>
  <c r="C77" i="37"/>
  <c r="K76" i="37"/>
  <c r="J76" i="37"/>
  <c r="I76" i="37"/>
  <c r="D76" i="37"/>
  <c r="G76" i="37"/>
  <c r="C76" i="37"/>
  <c r="K75" i="37"/>
  <c r="J75" i="37"/>
  <c r="I75" i="37"/>
  <c r="D75" i="37"/>
  <c r="C75" i="37"/>
  <c r="G75" i="37"/>
  <c r="K74" i="37"/>
  <c r="J74" i="37"/>
  <c r="I74" i="37"/>
  <c r="D74" i="37"/>
  <c r="G74" i="37"/>
  <c r="C74" i="37"/>
  <c r="K73" i="37"/>
  <c r="J73" i="37"/>
  <c r="I73" i="37"/>
  <c r="D73" i="37"/>
  <c r="C73" i="37"/>
  <c r="G73" i="37"/>
  <c r="K72" i="37"/>
  <c r="J72" i="37"/>
  <c r="I72" i="37"/>
  <c r="D72" i="37"/>
  <c r="G72" i="37"/>
  <c r="C72" i="37"/>
  <c r="K71" i="37"/>
  <c r="J71" i="37"/>
  <c r="I71" i="37"/>
  <c r="D71" i="37"/>
  <c r="C71" i="37"/>
  <c r="G71" i="37"/>
  <c r="K70" i="37"/>
  <c r="J70" i="37"/>
  <c r="I70" i="37"/>
  <c r="D70" i="37"/>
  <c r="G70" i="37"/>
  <c r="C70" i="37"/>
  <c r="K69" i="37"/>
  <c r="J69" i="37"/>
  <c r="I69" i="37"/>
  <c r="D69" i="37"/>
  <c r="C69" i="37"/>
  <c r="K68" i="37"/>
  <c r="J68" i="37"/>
  <c r="I68" i="37"/>
  <c r="D68" i="37"/>
  <c r="C68" i="37"/>
  <c r="K67" i="37"/>
  <c r="J67" i="37"/>
  <c r="I67" i="37"/>
  <c r="D67" i="37"/>
  <c r="G67" i="37"/>
  <c r="C67" i="37"/>
  <c r="K66" i="37"/>
  <c r="J66" i="37"/>
  <c r="I66" i="37"/>
  <c r="D66" i="37"/>
  <c r="C66" i="37"/>
  <c r="K65" i="37"/>
  <c r="J65" i="37"/>
  <c r="I65" i="37"/>
  <c r="D65" i="37"/>
  <c r="C65" i="37"/>
  <c r="G65" i="37" s="1"/>
  <c r="K64" i="37"/>
  <c r="J64" i="37"/>
  <c r="I64" i="37"/>
  <c r="D64" i="37"/>
  <c r="G64" i="37" s="1"/>
  <c r="C64" i="37"/>
  <c r="K63" i="37"/>
  <c r="J63" i="37"/>
  <c r="I63" i="37"/>
  <c r="D63" i="37"/>
  <c r="C63" i="37"/>
  <c r="G63" i="37" s="1"/>
  <c r="K62" i="37"/>
  <c r="J62" i="37"/>
  <c r="I62" i="37"/>
  <c r="D62" i="37"/>
  <c r="G62" i="37" s="1"/>
  <c r="C62" i="37"/>
  <c r="K61" i="37"/>
  <c r="J61" i="37"/>
  <c r="I61" i="37"/>
  <c r="D61" i="37"/>
  <c r="C61" i="37"/>
  <c r="G61" i="37"/>
  <c r="K60" i="37"/>
  <c r="J60" i="37"/>
  <c r="I60" i="37"/>
  <c r="D60" i="37"/>
  <c r="C60" i="37"/>
  <c r="K59" i="37"/>
  <c r="J59" i="37"/>
  <c r="I59" i="37"/>
  <c r="D59" i="37"/>
  <c r="C59" i="37"/>
  <c r="G59" i="37"/>
  <c r="K58" i="37"/>
  <c r="J58" i="37"/>
  <c r="I58" i="37"/>
  <c r="D58" i="37"/>
  <c r="C58" i="37"/>
  <c r="K57" i="37"/>
  <c r="J57" i="37"/>
  <c r="I57" i="37"/>
  <c r="D57" i="37"/>
  <c r="C57" i="37"/>
  <c r="K56" i="37"/>
  <c r="J56" i="37"/>
  <c r="I56" i="37"/>
  <c r="D56" i="37"/>
  <c r="C56" i="37"/>
  <c r="G56" i="37"/>
  <c r="K55" i="37"/>
  <c r="J55" i="37"/>
  <c r="I55" i="37"/>
  <c r="D55" i="37"/>
  <c r="C55" i="37"/>
  <c r="G55" i="37" s="1"/>
  <c r="K54" i="37"/>
  <c r="J54" i="37"/>
  <c r="I54" i="37"/>
  <c r="D54" i="37"/>
  <c r="C54" i="37"/>
  <c r="G54" i="37"/>
  <c r="K53" i="37"/>
  <c r="J53" i="37"/>
  <c r="I53" i="37"/>
  <c r="D53" i="37"/>
  <c r="C53" i="37"/>
  <c r="K52" i="37"/>
  <c r="J52" i="37"/>
  <c r="I52" i="37"/>
  <c r="D52" i="37"/>
  <c r="C52" i="37"/>
  <c r="K51" i="37"/>
  <c r="J51" i="37"/>
  <c r="I51" i="37"/>
  <c r="D51" i="37"/>
  <c r="C51" i="37"/>
  <c r="G51" i="37"/>
  <c r="K50" i="37"/>
  <c r="J50" i="37"/>
  <c r="I50" i="37"/>
  <c r="D50" i="37"/>
  <c r="C50" i="37"/>
  <c r="G50" i="37" s="1"/>
  <c r="K49" i="37"/>
  <c r="J49" i="37"/>
  <c r="I49" i="37"/>
  <c r="D49" i="37"/>
  <c r="C49" i="37"/>
  <c r="K48" i="37"/>
  <c r="J48" i="37"/>
  <c r="I48" i="37"/>
  <c r="D48" i="37"/>
  <c r="G48" i="37"/>
  <c r="C48" i="37"/>
  <c r="K47" i="37"/>
  <c r="J47" i="37"/>
  <c r="I47" i="37"/>
  <c r="D47" i="37"/>
  <c r="C47" i="37"/>
  <c r="G47" i="37"/>
  <c r="K46" i="37"/>
  <c r="J46" i="37"/>
  <c r="I46" i="37"/>
  <c r="D46" i="37"/>
  <c r="C46" i="37"/>
  <c r="K45" i="37"/>
  <c r="J45" i="37"/>
  <c r="I45" i="37"/>
  <c r="D45" i="37"/>
  <c r="C45" i="37"/>
  <c r="K44" i="37"/>
  <c r="J44" i="37"/>
  <c r="I44" i="37"/>
  <c r="D44" i="37"/>
  <c r="C44" i="37"/>
  <c r="G44" i="37"/>
  <c r="K43" i="37"/>
  <c r="J43" i="37"/>
  <c r="I43" i="37"/>
  <c r="D43" i="37"/>
  <c r="C43" i="37"/>
  <c r="G43" i="37" s="1"/>
  <c r="K42" i="37"/>
  <c r="J42" i="37"/>
  <c r="I42" i="37"/>
  <c r="D42" i="37"/>
  <c r="C42" i="37"/>
  <c r="K41" i="37"/>
  <c r="J41" i="37"/>
  <c r="I41" i="37"/>
  <c r="D41" i="37"/>
  <c r="C41" i="37"/>
  <c r="K40" i="37"/>
  <c r="J40" i="37"/>
  <c r="I40" i="37"/>
  <c r="D40" i="37"/>
  <c r="C40" i="37"/>
  <c r="K39" i="37"/>
  <c r="J39" i="37"/>
  <c r="I39" i="37"/>
  <c r="D39" i="37"/>
  <c r="C39" i="37"/>
  <c r="G39" i="37"/>
  <c r="K38" i="37"/>
  <c r="J38" i="37"/>
  <c r="I38" i="37"/>
  <c r="D38" i="37"/>
  <c r="C38" i="37"/>
  <c r="K37" i="37"/>
  <c r="J37" i="37"/>
  <c r="I37" i="37"/>
  <c r="D37" i="37"/>
  <c r="C37" i="37"/>
  <c r="G37" i="37"/>
  <c r="K36" i="37"/>
  <c r="J36" i="37"/>
  <c r="I36" i="37"/>
  <c r="D36" i="37"/>
  <c r="G36" i="37"/>
  <c r="C36" i="37"/>
  <c r="K35" i="37"/>
  <c r="J35" i="37"/>
  <c r="I35" i="37"/>
  <c r="D35" i="37"/>
  <c r="C35" i="37"/>
  <c r="G35" i="37"/>
  <c r="K34" i="37"/>
  <c r="J34" i="37"/>
  <c r="I34" i="37"/>
  <c r="D34" i="37"/>
  <c r="G34" i="37"/>
  <c r="C34" i="37"/>
  <c r="K33" i="37"/>
  <c r="J33" i="37"/>
  <c r="I33" i="37"/>
  <c r="D33" i="37"/>
  <c r="C33" i="37"/>
  <c r="G33" i="37"/>
  <c r="K32" i="37"/>
  <c r="J32" i="37"/>
  <c r="I32" i="37"/>
  <c r="D32" i="37"/>
  <c r="C32" i="37"/>
  <c r="K31" i="37"/>
  <c r="J31" i="37"/>
  <c r="I31" i="37"/>
  <c r="D31" i="37"/>
  <c r="C31" i="37"/>
  <c r="K30" i="37"/>
  <c r="J30" i="37"/>
  <c r="I30" i="37"/>
  <c r="D30" i="37"/>
  <c r="C30" i="37"/>
  <c r="G30" i="37"/>
  <c r="K29" i="37"/>
  <c r="J29" i="37"/>
  <c r="I29" i="37"/>
  <c r="D29" i="37"/>
  <c r="C29" i="37"/>
  <c r="K28" i="37"/>
  <c r="J28" i="37"/>
  <c r="I28" i="37"/>
  <c r="D28" i="37"/>
  <c r="C28" i="37"/>
  <c r="G28" i="37" s="1"/>
  <c r="K27" i="37"/>
  <c r="J27" i="37"/>
  <c r="I27" i="37"/>
  <c r="D27" i="37"/>
  <c r="C27" i="37"/>
  <c r="K26" i="37"/>
  <c r="J26" i="37"/>
  <c r="I26" i="37"/>
  <c r="D26" i="37"/>
  <c r="C26" i="37"/>
  <c r="G26" i="37" s="1"/>
  <c r="K25" i="37"/>
  <c r="J25" i="37"/>
  <c r="I25" i="37"/>
  <c r="D25" i="37"/>
  <c r="C25" i="37"/>
  <c r="G25" i="37" s="1"/>
  <c r="K24" i="37"/>
  <c r="J24" i="37"/>
  <c r="I24" i="37"/>
  <c r="D24" i="37"/>
  <c r="C24" i="37"/>
  <c r="G24" i="37" s="1"/>
  <c r="K23" i="37"/>
  <c r="J23" i="37"/>
  <c r="I23" i="37"/>
  <c r="D23" i="37"/>
  <c r="C23" i="37"/>
  <c r="G23" i="37"/>
  <c r="K22" i="37"/>
  <c r="J22" i="37"/>
  <c r="I22" i="37"/>
  <c r="D22" i="37"/>
  <c r="C22" i="37"/>
  <c r="G22" i="37" s="1"/>
  <c r="K21" i="37"/>
  <c r="J21" i="37"/>
  <c r="I21" i="37"/>
  <c r="D21" i="37"/>
  <c r="C21" i="37"/>
  <c r="K20" i="37"/>
  <c r="J20" i="37"/>
  <c r="I20" i="37"/>
  <c r="D20" i="37"/>
  <c r="C20" i="37"/>
  <c r="G20" i="37"/>
  <c r="K19" i="37"/>
  <c r="J19" i="37"/>
  <c r="I19" i="37"/>
  <c r="D19" i="37"/>
  <c r="G19" i="37" s="1"/>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I197" i="36" s="1"/>
  <c r="D195" i="36"/>
  <c r="C195" i="36"/>
  <c r="K194" i="36"/>
  <c r="J194" i="36"/>
  <c r="J197" i="36" s="1"/>
  <c r="I194" i="36"/>
  <c r="D194" i="36"/>
  <c r="G194" i="36" s="1"/>
  <c r="G197" i="36" s="1"/>
  <c r="C194" i="36"/>
  <c r="S184" i="36"/>
  <c r="R184" i="36"/>
  <c r="Q184" i="36"/>
  <c r="O184" i="36"/>
  <c r="N184" i="36"/>
  <c r="M184" i="36"/>
  <c r="F184" i="36"/>
  <c r="E184" i="36"/>
  <c r="F181" i="36"/>
  <c r="E181" i="36"/>
  <c r="G181" i="36"/>
  <c r="K180" i="36"/>
  <c r="J180" i="36"/>
  <c r="I180" i="36"/>
  <c r="D180" i="36"/>
  <c r="G180" i="36" s="1"/>
  <c r="C180" i="36"/>
  <c r="A180" i="36"/>
  <c r="A181" i="36"/>
  <c r="S177" i="36"/>
  <c r="S183" i="36" s="1"/>
  <c r="R177" i="36"/>
  <c r="R183" i="36"/>
  <c r="Q177" i="36"/>
  <c r="Q183" i="36" s="1"/>
  <c r="O177" i="36"/>
  <c r="O183" i="36"/>
  <c r="N177" i="36"/>
  <c r="N183" i="36" s="1"/>
  <c r="M177" i="36"/>
  <c r="M183" i="36" s="1"/>
  <c r="F174" i="36"/>
  <c r="G174" i="36" s="1"/>
  <c r="E174" i="36"/>
  <c r="F173" i="36"/>
  <c r="E173" i="36"/>
  <c r="G173" i="36"/>
  <c r="F172" i="36"/>
  <c r="E172" i="36"/>
  <c r="G172" i="36"/>
  <c r="F171" i="36"/>
  <c r="E171" i="36"/>
  <c r="F170" i="36"/>
  <c r="E170" i="36"/>
  <c r="G170" i="36" s="1"/>
  <c r="F169" i="36"/>
  <c r="E169" i="36"/>
  <c r="K168" i="36"/>
  <c r="J168" i="36"/>
  <c r="I168" i="36"/>
  <c r="D168" i="36"/>
  <c r="C168" i="36"/>
  <c r="K167" i="36"/>
  <c r="J167" i="36"/>
  <c r="I167" i="36"/>
  <c r="D167" i="36"/>
  <c r="C167" i="36"/>
  <c r="G167" i="36" s="1"/>
  <c r="K166" i="36"/>
  <c r="J166" i="36"/>
  <c r="I166" i="36"/>
  <c r="D166" i="36"/>
  <c r="C166" i="36"/>
  <c r="K165" i="36"/>
  <c r="J165" i="36"/>
  <c r="I165" i="36"/>
  <c r="D165" i="36"/>
  <c r="C165" i="36"/>
  <c r="G165" i="36"/>
  <c r="K164" i="36"/>
  <c r="J164" i="36"/>
  <c r="I164" i="36"/>
  <c r="D164" i="36"/>
  <c r="C164" i="36"/>
  <c r="K163" i="36"/>
  <c r="J163" i="36"/>
  <c r="I163" i="36"/>
  <c r="D163" i="36"/>
  <c r="C163" i="36"/>
  <c r="G163" i="36"/>
  <c r="K162" i="36"/>
  <c r="J162" i="36"/>
  <c r="I162" i="36"/>
  <c r="D162" i="36"/>
  <c r="C162" i="36"/>
  <c r="K161" i="36"/>
  <c r="J161" i="36"/>
  <c r="I161" i="36"/>
  <c r="D161" i="36"/>
  <c r="G161" i="36" s="1"/>
  <c r="C161" i="36"/>
  <c r="K160" i="36"/>
  <c r="J160" i="36"/>
  <c r="I160" i="36"/>
  <c r="D160" i="36"/>
  <c r="C160" i="36"/>
  <c r="K159" i="36"/>
  <c r="J159" i="36"/>
  <c r="I159" i="36"/>
  <c r="D159" i="36"/>
  <c r="C159" i="36"/>
  <c r="G159" i="36" s="1"/>
  <c r="K158" i="36"/>
  <c r="J158" i="36"/>
  <c r="I158" i="36"/>
  <c r="D158" i="36"/>
  <c r="C158" i="36"/>
  <c r="K157" i="36"/>
  <c r="J157" i="36"/>
  <c r="I157" i="36"/>
  <c r="D157" i="36"/>
  <c r="C157" i="36"/>
  <c r="G157" i="36"/>
  <c r="K156" i="36"/>
  <c r="J156" i="36"/>
  <c r="I156" i="36"/>
  <c r="D156" i="36"/>
  <c r="G156" i="36" s="1"/>
  <c r="C156" i="36"/>
  <c r="K155" i="36"/>
  <c r="J155" i="36"/>
  <c r="I155" i="36"/>
  <c r="D155" i="36"/>
  <c r="C155" i="36"/>
  <c r="G155" i="36"/>
  <c r="K154" i="36"/>
  <c r="J154" i="36"/>
  <c r="I154" i="36"/>
  <c r="D154" i="36"/>
  <c r="C154" i="36"/>
  <c r="G154" i="36" s="1"/>
  <c r="K153" i="36"/>
  <c r="J153" i="36"/>
  <c r="I153" i="36"/>
  <c r="D153" i="36"/>
  <c r="G153" i="36" s="1"/>
  <c r="C153" i="36"/>
  <c r="K152" i="36"/>
  <c r="J152" i="36"/>
  <c r="I152" i="36"/>
  <c r="D152" i="36"/>
  <c r="C152" i="36"/>
  <c r="K151" i="36"/>
  <c r="J151" i="36"/>
  <c r="I151" i="36"/>
  <c r="D151" i="36"/>
  <c r="C151" i="36"/>
  <c r="G151" i="36" s="1"/>
  <c r="K150" i="36"/>
  <c r="J150" i="36"/>
  <c r="I150" i="36"/>
  <c r="D150" i="36"/>
  <c r="C150" i="36"/>
  <c r="K149" i="36"/>
  <c r="J149" i="36"/>
  <c r="I149" i="36"/>
  <c r="D149" i="36"/>
  <c r="C149" i="36"/>
  <c r="G149" i="36"/>
  <c r="K148" i="36"/>
  <c r="J148" i="36"/>
  <c r="I148" i="36"/>
  <c r="D148" i="36"/>
  <c r="G148" i="36" s="1"/>
  <c r="C148" i="36"/>
  <c r="K147" i="36"/>
  <c r="J147" i="36"/>
  <c r="I147" i="36"/>
  <c r="D147" i="36"/>
  <c r="G147" i="36" s="1"/>
  <c r="C147" i="36"/>
  <c r="K146" i="36"/>
  <c r="J146" i="36"/>
  <c r="I146" i="36"/>
  <c r="D146" i="36"/>
  <c r="C146" i="36"/>
  <c r="K145" i="36"/>
  <c r="J145" i="36"/>
  <c r="I145" i="36"/>
  <c r="D145" i="36"/>
  <c r="C145" i="36"/>
  <c r="G145" i="36"/>
  <c r="K144" i="36"/>
  <c r="J144" i="36"/>
  <c r="I144" i="36"/>
  <c r="D144" i="36"/>
  <c r="G144" i="36" s="1"/>
  <c r="C144" i="36"/>
  <c r="K143" i="36"/>
  <c r="J143" i="36"/>
  <c r="I143" i="36"/>
  <c r="D143" i="36"/>
  <c r="C143" i="36"/>
  <c r="G143" i="36"/>
  <c r="K142" i="36"/>
  <c r="J142" i="36"/>
  <c r="I142" i="36"/>
  <c r="D142" i="36"/>
  <c r="C142" i="36"/>
  <c r="K141" i="36"/>
  <c r="J141" i="36"/>
  <c r="I141" i="36"/>
  <c r="D141" i="36"/>
  <c r="C141" i="36"/>
  <c r="G141" i="36" s="1"/>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G136" i="36" s="1"/>
  <c r="K135" i="36"/>
  <c r="J135" i="36"/>
  <c r="I135" i="36"/>
  <c r="D135" i="36"/>
  <c r="C135" i="36"/>
  <c r="K134" i="36"/>
  <c r="J134" i="36"/>
  <c r="I134" i="36"/>
  <c r="D134" i="36"/>
  <c r="C134" i="36"/>
  <c r="K133" i="36"/>
  <c r="J133" i="36"/>
  <c r="I133" i="36"/>
  <c r="D133" i="36"/>
  <c r="G133" i="36"/>
  <c r="C133" i="36"/>
  <c r="K132" i="36"/>
  <c r="J132" i="36"/>
  <c r="I132" i="36"/>
  <c r="D132" i="36"/>
  <c r="C132" i="36"/>
  <c r="G132" i="36" s="1"/>
  <c r="K131" i="36"/>
  <c r="J131" i="36"/>
  <c r="I131" i="36"/>
  <c r="D131" i="36"/>
  <c r="G131" i="36"/>
  <c r="C131" i="36"/>
  <c r="K130" i="36"/>
  <c r="J130" i="36"/>
  <c r="I130" i="36"/>
  <c r="D130" i="36"/>
  <c r="C130" i="36"/>
  <c r="K129" i="36"/>
  <c r="J129" i="36"/>
  <c r="I129" i="36"/>
  <c r="D129" i="36"/>
  <c r="C129" i="36"/>
  <c r="G129" i="36" s="1"/>
  <c r="K128" i="36"/>
  <c r="J128" i="36"/>
  <c r="I128" i="36"/>
  <c r="D128" i="36"/>
  <c r="C128" i="36"/>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G123" i="36"/>
  <c r="K122" i="36"/>
  <c r="J122" i="36"/>
  <c r="I122" i="36"/>
  <c r="D122" i="36"/>
  <c r="C122" i="36"/>
  <c r="K121" i="36"/>
  <c r="J121" i="36"/>
  <c r="I121" i="36"/>
  <c r="D121" i="36"/>
  <c r="C121" i="36"/>
  <c r="K120" i="36"/>
  <c r="J120" i="36"/>
  <c r="I120" i="36"/>
  <c r="D120" i="36"/>
  <c r="C120" i="36"/>
  <c r="G120" i="36" s="1"/>
  <c r="K119" i="36"/>
  <c r="J119" i="36"/>
  <c r="I119" i="36"/>
  <c r="D119" i="36"/>
  <c r="G119" i="36"/>
  <c r="C119" i="36"/>
  <c r="K118" i="36"/>
  <c r="J118" i="36"/>
  <c r="I118" i="36"/>
  <c r="D118" i="36"/>
  <c r="C118" i="36"/>
  <c r="G118" i="36" s="1"/>
  <c r="K117" i="36"/>
  <c r="J117" i="36"/>
  <c r="I117" i="36"/>
  <c r="D117" i="36"/>
  <c r="G117" i="36"/>
  <c r="C117" i="36"/>
  <c r="K116" i="36"/>
  <c r="J116" i="36"/>
  <c r="I116" i="36"/>
  <c r="D116" i="36"/>
  <c r="C116" i="36"/>
  <c r="G116" i="36" s="1"/>
  <c r="K115" i="36"/>
  <c r="J115" i="36"/>
  <c r="I115" i="36"/>
  <c r="D115" i="36"/>
  <c r="G115" i="36"/>
  <c r="C115" i="36"/>
  <c r="K114" i="36"/>
  <c r="J114" i="36"/>
  <c r="I114" i="36"/>
  <c r="D114" i="36"/>
  <c r="C114" i="36"/>
  <c r="G114" i="36" s="1"/>
  <c r="K113" i="36"/>
  <c r="J113" i="36"/>
  <c r="I113" i="36"/>
  <c r="I177" i="36" s="1"/>
  <c r="I183" i="36" s="1"/>
  <c r="D113" i="36"/>
  <c r="G113" i="36"/>
  <c r="C113" i="36"/>
  <c r="K112" i="36"/>
  <c r="J112" i="36"/>
  <c r="I112" i="36"/>
  <c r="D112" i="36"/>
  <c r="C112" i="36"/>
  <c r="G112" i="36" s="1"/>
  <c r="K111" i="36"/>
  <c r="J111" i="36"/>
  <c r="I111" i="36"/>
  <c r="D111" i="36"/>
  <c r="G111" i="36"/>
  <c r="C111" i="36"/>
  <c r="K110" i="36"/>
  <c r="J110" i="36"/>
  <c r="I110" i="36"/>
  <c r="D110" i="36"/>
  <c r="C110" i="36"/>
  <c r="G110" i="36" s="1"/>
  <c r="K109" i="36"/>
  <c r="J109" i="36"/>
  <c r="I109" i="36"/>
  <c r="D109" i="36"/>
  <c r="G109" i="36"/>
  <c r="C109" i="36"/>
  <c r="K108" i="36"/>
  <c r="J108" i="36"/>
  <c r="I108" i="36"/>
  <c r="D108" i="36"/>
  <c r="C108" i="36"/>
  <c r="G108" i="36" s="1"/>
  <c r="K107" i="36"/>
  <c r="J107" i="36"/>
  <c r="I107" i="36"/>
  <c r="D107" i="36"/>
  <c r="C107" i="36"/>
  <c r="K106" i="36"/>
  <c r="K184" i="36"/>
  <c r="J106" i="36"/>
  <c r="I106" i="36"/>
  <c r="D106" i="36"/>
  <c r="D184" i="36"/>
  <c r="C106" i="36"/>
  <c r="C184" i="36"/>
  <c r="K105" i="36"/>
  <c r="J105" i="36"/>
  <c r="I105" i="36"/>
  <c r="D105" i="36"/>
  <c r="C105" i="36"/>
  <c r="G105" i="36"/>
  <c r="K104" i="36"/>
  <c r="J104" i="36"/>
  <c r="I104" i="36"/>
  <c r="D104" i="36"/>
  <c r="C104" i="36"/>
  <c r="K103" i="36"/>
  <c r="J103" i="36"/>
  <c r="I103" i="36"/>
  <c r="D103" i="36"/>
  <c r="C103" i="36"/>
  <c r="G103" i="36" s="1"/>
  <c r="K102" i="36"/>
  <c r="J102" i="36"/>
  <c r="I102" i="36"/>
  <c r="D102" i="36"/>
  <c r="C102" i="36"/>
  <c r="G102" i="36" s="1"/>
  <c r="K101" i="36"/>
  <c r="J101" i="36"/>
  <c r="I101" i="36"/>
  <c r="D101" i="36"/>
  <c r="C101" i="36"/>
  <c r="G101" i="36" s="1"/>
  <c r="K100" i="36"/>
  <c r="J100" i="36"/>
  <c r="I100" i="36"/>
  <c r="D100" i="36"/>
  <c r="C100" i="36"/>
  <c r="K99" i="36"/>
  <c r="J99" i="36"/>
  <c r="I99" i="36"/>
  <c r="D99" i="36"/>
  <c r="G99" i="36" s="1"/>
  <c r="C99" i="36"/>
  <c r="K98" i="36"/>
  <c r="J98" i="36"/>
  <c r="I98" i="36"/>
  <c r="D98" i="36"/>
  <c r="C98" i="36"/>
  <c r="G98" i="36"/>
  <c r="K97" i="36"/>
  <c r="J97" i="36"/>
  <c r="I97" i="36"/>
  <c r="D97" i="36"/>
  <c r="G97" i="36" s="1"/>
  <c r="C97" i="36"/>
  <c r="K96" i="36"/>
  <c r="J96" i="36"/>
  <c r="J177" i="36" s="1"/>
  <c r="J183" i="36" s="1"/>
  <c r="I96" i="36"/>
  <c r="D96" i="36"/>
  <c r="C96" i="36"/>
  <c r="K95" i="36"/>
  <c r="J95" i="36"/>
  <c r="I95" i="36"/>
  <c r="D95" i="36"/>
  <c r="C95" i="36"/>
  <c r="G95" i="36" s="1"/>
  <c r="K94" i="36"/>
  <c r="J94" i="36"/>
  <c r="I94" i="36"/>
  <c r="D94" i="36"/>
  <c r="G94" i="36" s="1"/>
  <c r="C94" i="36"/>
  <c r="K93" i="36"/>
  <c r="J93" i="36"/>
  <c r="I93" i="36"/>
  <c r="D93" i="36"/>
  <c r="C93" i="36"/>
  <c r="K92" i="36"/>
  <c r="J92" i="36"/>
  <c r="I92" i="36"/>
  <c r="D92" i="36"/>
  <c r="C92" i="36"/>
  <c r="K91" i="36"/>
  <c r="J91" i="36"/>
  <c r="I91" i="36"/>
  <c r="D91" i="36"/>
  <c r="C91" i="36"/>
  <c r="K90" i="36"/>
  <c r="J90" i="36"/>
  <c r="I90" i="36"/>
  <c r="D90" i="36"/>
  <c r="C90" i="36"/>
  <c r="G90" i="36" s="1"/>
  <c r="K89" i="36"/>
  <c r="J89" i="36"/>
  <c r="I89" i="36"/>
  <c r="D89" i="36"/>
  <c r="C89" i="36"/>
  <c r="G89" i="36" s="1"/>
  <c r="K88" i="36"/>
  <c r="J88" i="36"/>
  <c r="I88" i="36"/>
  <c r="D88" i="36"/>
  <c r="C88" i="36"/>
  <c r="G88" i="36" s="1"/>
  <c r="K87" i="36"/>
  <c r="K177" i="36" s="1"/>
  <c r="J87" i="36"/>
  <c r="I87" i="36"/>
  <c r="D87" i="36"/>
  <c r="C87" i="36"/>
  <c r="C177" i="36" s="1"/>
  <c r="K86" i="36"/>
  <c r="J86" i="36"/>
  <c r="I86" i="36"/>
  <c r="D86" i="36"/>
  <c r="C86" i="36"/>
  <c r="K85" i="36"/>
  <c r="J85" i="36"/>
  <c r="I85" i="36"/>
  <c r="D85" i="36"/>
  <c r="C85" i="36"/>
  <c r="K84" i="36"/>
  <c r="J84" i="36"/>
  <c r="I84" i="36"/>
  <c r="D84" i="36"/>
  <c r="G84" i="36"/>
  <c r="C84" i="36"/>
  <c r="K83" i="36"/>
  <c r="J83" i="36"/>
  <c r="I83" i="36"/>
  <c r="D83" i="36"/>
  <c r="C83" i="36"/>
  <c r="K82" i="36"/>
  <c r="J82" i="36"/>
  <c r="I82" i="36"/>
  <c r="D82" i="36"/>
  <c r="C82" i="36"/>
  <c r="G82" i="36"/>
  <c r="K81" i="36"/>
  <c r="J81" i="36"/>
  <c r="I81" i="36"/>
  <c r="D81" i="36"/>
  <c r="C81" i="36"/>
  <c r="G81" i="36"/>
  <c r="K80" i="36"/>
  <c r="J80" i="36"/>
  <c r="I80" i="36"/>
  <c r="D80" i="36"/>
  <c r="C80" i="36"/>
  <c r="K79" i="36"/>
  <c r="J79" i="36"/>
  <c r="I79" i="36"/>
  <c r="D79" i="36"/>
  <c r="C79" i="36"/>
  <c r="G79" i="36" s="1"/>
  <c r="K78" i="36"/>
  <c r="J78" i="36"/>
  <c r="I78" i="36"/>
  <c r="D78" i="36"/>
  <c r="C78" i="36"/>
  <c r="K77" i="36"/>
  <c r="J77" i="36"/>
  <c r="I77" i="36"/>
  <c r="D77" i="36"/>
  <c r="G77" i="36" s="1"/>
  <c r="C77" i="36"/>
  <c r="A77" i="36"/>
  <c r="A78" i="36"/>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G68" i="36" s="1"/>
  <c r="F67" i="36"/>
  <c r="E67" i="36"/>
  <c r="F66" i="36"/>
  <c r="E66" i="36"/>
  <c r="E71" i="36" s="1"/>
  <c r="K65" i="36"/>
  <c r="J65" i="36"/>
  <c r="I65" i="36"/>
  <c r="D65" i="36"/>
  <c r="C65" i="36"/>
  <c r="G65" i="36" s="1"/>
  <c r="K64" i="36"/>
  <c r="J64" i="36"/>
  <c r="I64" i="36"/>
  <c r="D64" i="36"/>
  <c r="C64" i="36"/>
  <c r="G64" i="36" s="1"/>
  <c r="K63" i="36"/>
  <c r="J63" i="36"/>
  <c r="I63" i="36"/>
  <c r="D63" i="36"/>
  <c r="C63" i="36"/>
  <c r="G63" i="36" s="1"/>
  <c r="K62" i="36"/>
  <c r="J62" i="36"/>
  <c r="I62" i="36"/>
  <c r="D62" i="36"/>
  <c r="C62" i="36"/>
  <c r="K61" i="36"/>
  <c r="J61" i="36"/>
  <c r="I61" i="36"/>
  <c r="D61" i="36"/>
  <c r="C61" i="36"/>
  <c r="K60" i="36"/>
  <c r="J60" i="36"/>
  <c r="I60" i="36"/>
  <c r="D60" i="36"/>
  <c r="C60" i="36"/>
  <c r="K59" i="36"/>
  <c r="J59" i="36"/>
  <c r="I59" i="36"/>
  <c r="D59" i="36"/>
  <c r="C59" i="36"/>
  <c r="G59" i="36" s="1"/>
  <c r="K58" i="36"/>
  <c r="J58" i="36"/>
  <c r="I58" i="36"/>
  <c r="D58" i="36"/>
  <c r="C58" i="36"/>
  <c r="G58" i="36" s="1"/>
  <c r="K57" i="36"/>
  <c r="J57" i="36"/>
  <c r="I57" i="36"/>
  <c r="D57" i="36"/>
  <c r="C57" i="36"/>
  <c r="K56" i="36"/>
  <c r="J56" i="36"/>
  <c r="I56" i="36"/>
  <c r="D56" i="36"/>
  <c r="G56" i="36" s="1"/>
  <c r="C56" i="36"/>
  <c r="K55" i="36"/>
  <c r="J55" i="36"/>
  <c r="I55" i="36"/>
  <c r="D55" i="36"/>
  <c r="C55" i="36"/>
  <c r="G55" i="36"/>
  <c r="K54" i="36"/>
  <c r="J54" i="36"/>
  <c r="I54" i="36"/>
  <c r="D54" i="36"/>
  <c r="G54" i="36" s="1"/>
  <c r="C54" i="36"/>
  <c r="K53" i="36"/>
  <c r="J53" i="36"/>
  <c r="I53" i="36"/>
  <c r="D53" i="36"/>
  <c r="C53" i="36"/>
  <c r="K52" i="36"/>
  <c r="J52" i="36"/>
  <c r="I52" i="36"/>
  <c r="D52" i="36"/>
  <c r="C52" i="36"/>
  <c r="G52" i="36" s="1"/>
  <c r="K51" i="36"/>
  <c r="J51" i="36"/>
  <c r="I51" i="36"/>
  <c r="D51" i="36"/>
  <c r="G51" i="36"/>
  <c r="C51" i="36"/>
  <c r="K50" i="36"/>
  <c r="J50" i="36"/>
  <c r="I50" i="36"/>
  <c r="D50" i="36"/>
  <c r="C50" i="36"/>
  <c r="G50" i="36" s="1"/>
  <c r="K49" i="36"/>
  <c r="J49" i="36"/>
  <c r="I49" i="36"/>
  <c r="D49" i="36"/>
  <c r="G49" i="36"/>
  <c r="C49" i="36"/>
  <c r="K48" i="36"/>
  <c r="J48" i="36"/>
  <c r="I48" i="36"/>
  <c r="D48" i="36"/>
  <c r="C48" i="36"/>
  <c r="G48" i="36" s="1"/>
  <c r="K47" i="36"/>
  <c r="J47" i="36"/>
  <c r="I47" i="36"/>
  <c r="D47" i="36"/>
  <c r="G47" i="36"/>
  <c r="C47" i="36"/>
  <c r="K46" i="36"/>
  <c r="J46" i="36"/>
  <c r="I46" i="36"/>
  <c r="D46" i="36"/>
  <c r="C46" i="36"/>
  <c r="G46" i="36" s="1"/>
  <c r="K45" i="36"/>
  <c r="J45" i="36"/>
  <c r="I45" i="36"/>
  <c r="D45" i="36"/>
  <c r="C45" i="36"/>
  <c r="K44" i="36"/>
  <c r="J44" i="36"/>
  <c r="I44" i="36"/>
  <c r="D44" i="36"/>
  <c r="C44" i="36"/>
  <c r="G44" i="36"/>
  <c r="K43" i="36"/>
  <c r="J43" i="36"/>
  <c r="I43" i="36"/>
  <c r="D43" i="36"/>
  <c r="C43" i="36"/>
  <c r="G43" i="36" s="1"/>
  <c r="K42" i="36"/>
  <c r="J42" i="36"/>
  <c r="I42" i="36"/>
  <c r="D42" i="36"/>
  <c r="C42" i="36"/>
  <c r="K41" i="36"/>
  <c r="J41" i="36"/>
  <c r="I41" i="36"/>
  <c r="D41" i="36"/>
  <c r="G41" i="36" s="1"/>
  <c r="C41" i="36"/>
  <c r="K40" i="36"/>
  <c r="J40" i="36"/>
  <c r="J71" i="36" s="1"/>
  <c r="I40" i="36"/>
  <c r="D40" i="36"/>
  <c r="C40" i="36"/>
  <c r="K39" i="36"/>
  <c r="J39" i="36"/>
  <c r="I39" i="36"/>
  <c r="D39" i="36"/>
  <c r="C39" i="36"/>
  <c r="K38" i="36"/>
  <c r="J38" i="36"/>
  <c r="I38" i="36"/>
  <c r="D38" i="36"/>
  <c r="C38" i="36"/>
  <c r="G38" i="36" s="1"/>
  <c r="K37" i="36"/>
  <c r="J37" i="36"/>
  <c r="I37" i="36"/>
  <c r="D37" i="36"/>
  <c r="C37" i="36"/>
  <c r="K36" i="36"/>
  <c r="J36" i="36"/>
  <c r="I36" i="36"/>
  <c r="D36" i="36"/>
  <c r="C36" i="36"/>
  <c r="K35" i="36"/>
  <c r="J35" i="36"/>
  <c r="I35" i="36"/>
  <c r="D35" i="36"/>
  <c r="C35" i="36"/>
  <c r="K34" i="36"/>
  <c r="J34" i="36"/>
  <c r="J72" i="36" s="1"/>
  <c r="I34" i="36"/>
  <c r="D34" i="36"/>
  <c r="C34" i="36"/>
  <c r="K33" i="36"/>
  <c r="J33" i="36"/>
  <c r="I33" i="36"/>
  <c r="D33" i="36"/>
  <c r="C33" i="36"/>
  <c r="K32" i="36"/>
  <c r="J32" i="36"/>
  <c r="I32" i="36"/>
  <c r="D32" i="36"/>
  <c r="G32" i="36" s="1"/>
  <c r="C32" i="36"/>
  <c r="K31" i="36"/>
  <c r="J31" i="36"/>
  <c r="I31" i="36"/>
  <c r="D31" i="36"/>
  <c r="C31" i="36"/>
  <c r="G31" i="36" s="1"/>
  <c r="K30" i="36"/>
  <c r="J30" i="36"/>
  <c r="I30" i="36"/>
  <c r="D30" i="36"/>
  <c r="C30" i="36"/>
  <c r="K29" i="36"/>
  <c r="J29" i="36"/>
  <c r="I29" i="36"/>
  <c r="D29" i="36"/>
  <c r="C29" i="36"/>
  <c r="A29" i="36"/>
  <c r="A30" i="36" s="1"/>
  <c r="A31" i="36"/>
  <c r="A32" i="36" s="1"/>
  <c r="A33" i="36" s="1"/>
  <c r="A34" i="36" s="1"/>
  <c r="A35" i="36" s="1"/>
  <c r="A36" i="36" s="1"/>
  <c r="A37" i="36" s="1"/>
  <c r="A38" i="36" s="1"/>
  <c r="A39" i="36" s="1"/>
  <c r="A40" i="36" s="1"/>
  <c r="A41" i="36" s="1"/>
  <c r="A42" i="36" s="1"/>
  <c r="A43" i="36" s="1"/>
  <c r="A44" i="36" s="1"/>
  <c r="A45" i="36" s="1"/>
  <c r="A46" i="36" s="1"/>
  <c r="A47" i="36"/>
  <c r="A48" i="36" s="1"/>
  <c r="A49" i="36" s="1"/>
  <c r="A50" i="36" s="1"/>
  <c r="A51" i="36" s="1"/>
  <c r="A52" i="36" s="1"/>
  <c r="A53" i="36" s="1"/>
  <c r="A54" i="36" s="1"/>
  <c r="A55" i="36" s="1"/>
  <c r="A56" i="36" s="1"/>
  <c r="A57" i="36" s="1"/>
  <c r="A58" i="36" s="1"/>
  <c r="A59" i="36" s="1"/>
  <c r="A60" i="36" s="1"/>
  <c r="A61" i="36" s="1"/>
  <c r="A62" i="36" s="1"/>
  <c r="A63" i="36"/>
  <c r="A64" i="36" s="1"/>
  <c r="A65" i="36" s="1"/>
  <c r="A66" i="36" s="1"/>
  <c r="A67" i="36" s="1"/>
  <c r="A68" i="36" s="1"/>
  <c r="K28" i="36"/>
  <c r="J28" i="36"/>
  <c r="I28" i="36"/>
  <c r="I71" i="36" s="1"/>
  <c r="D28" i="36"/>
  <c r="C28" i="36"/>
  <c r="G28" i="36" s="1"/>
  <c r="A24" i="36"/>
  <c r="D18" i="5" s="1"/>
  <c r="S23" i="36"/>
  <c r="R23" i="36"/>
  <c r="Q23" i="36"/>
  <c r="O23" i="36"/>
  <c r="N23" i="36"/>
  <c r="M23" i="36"/>
  <c r="F21" i="36"/>
  <c r="E21" i="36"/>
  <c r="F20" i="36"/>
  <c r="E20" i="36"/>
  <c r="G20" i="36"/>
  <c r="F19" i="36"/>
  <c r="E19" i="36"/>
  <c r="K17" i="36"/>
  <c r="K23" i="36"/>
  <c r="J17" i="36"/>
  <c r="J23" i="36"/>
  <c r="I17" i="36"/>
  <c r="I23" i="36"/>
  <c r="D17" i="36"/>
  <c r="D23" i="36"/>
  <c r="C17" i="36"/>
  <c r="C23" i="36"/>
  <c r="B21" i="7"/>
  <c r="B11" i="7"/>
  <c r="K27" i="8"/>
  <c r="K31" i="8"/>
  <c r="G15" i="2" s="1"/>
  <c r="L15" i="2" s="1"/>
  <c r="G10" i="5"/>
  <c r="E10" i="5"/>
  <c r="O8" i="13"/>
  <c r="C9" i="7"/>
  <c r="D12" i="9"/>
  <c r="E69" i="6"/>
  <c r="I74" i="6"/>
  <c r="K74" i="6"/>
  <c r="J76" i="6"/>
  <c r="K76" i="6"/>
  <c r="E76" i="6" s="1"/>
  <c r="J51" i="6"/>
  <c r="K51" i="6" s="1"/>
  <c r="E51" i="6" s="1"/>
  <c r="J53" i="6"/>
  <c r="K53" i="6"/>
  <c r="E53" i="6" s="1"/>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P135" i="13" s="1"/>
  <c r="O134" i="13"/>
  <c r="M134" i="13"/>
  <c r="O133" i="13"/>
  <c r="M133" i="13"/>
  <c r="P133" i="13" s="1"/>
  <c r="O132" i="13"/>
  <c r="M132" i="13"/>
  <c r="O131" i="13"/>
  <c r="M131" i="13"/>
  <c r="O130" i="13"/>
  <c r="M130" i="13"/>
  <c r="O129" i="13"/>
  <c r="M129" i="13"/>
  <c r="O128" i="13"/>
  <c r="M128" i="13"/>
  <c r="P128" i="13" s="1"/>
  <c r="O127" i="13"/>
  <c r="M127" i="13"/>
  <c r="O126" i="13"/>
  <c r="M126" i="13"/>
  <c r="O125" i="13"/>
  <c r="M125" i="13"/>
  <c r="O124" i="13"/>
  <c r="M124" i="13"/>
  <c r="P124" i="13" s="1"/>
  <c r="O123" i="13"/>
  <c r="M123" i="13"/>
  <c r="O122" i="13"/>
  <c r="M122" i="13"/>
  <c r="P122" i="13" s="1"/>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P104" i="13" s="1"/>
  <c r="O103" i="13"/>
  <c r="M103" i="13"/>
  <c r="O102" i="13"/>
  <c r="M102" i="13"/>
  <c r="P102" i="13" s="1"/>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s="1"/>
  <c r="C104" i="20" s="1"/>
  <c r="C105" i="20" s="1"/>
  <c r="C106" i="20" s="1"/>
  <c r="C107" i="20" s="1"/>
  <c r="C108" i="20" s="1"/>
  <c r="C109" i="20" s="1"/>
  <c r="C110" i="20" s="1"/>
  <c r="C111" i="20" s="1"/>
  <c r="C112" i="20" s="1"/>
  <c r="C113" i="20" s="1"/>
  <c r="C114" i="20" s="1"/>
  <c r="C115" i="20" s="1"/>
  <c r="C116" i="20"/>
  <c r="C117" i="20" s="1"/>
  <c r="C118" i="20" s="1"/>
  <c r="C119" i="20" s="1"/>
  <c r="C120" i="20" s="1"/>
  <c r="C121" i="20" s="1"/>
  <c r="C122" i="20" s="1"/>
  <c r="C123" i="20" s="1"/>
  <c r="C124" i="20" s="1"/>
  <c r="C125" i="20" s="1"/>
  <c r="C126" i="20" s="1"/>
  <c r="C127" i="20" s="1"/>
  <c r="C128" i="20" s="1"/>
  <c r="C129" i="20" s="1"/>
  <c r="C130" i="20" s="1"/>
  <c r="C131" i="20" s="1"/>
  <c r="C132" i="20"/>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c r="K38" i="11" s="1"/>
  <c r="D297" i="2"/>
  <c r="M23" i="13"/>
  <c r="C60" i="20"/>
  <c r="A4" i="34"/>
  <c r="C47" i="13"/>
  <c r="C47" i="20"/>
  <c r="D60" i="6"/>
  <c r="B58" i="6" s="1"/>
  <c r="D36" i="6"/>
  <c r="B34" i="6" s="1"/>
  <c r="C29" i="6"/>
  <c r="C30" i="6"/>
  <c r="L17" i="2"/>
  <c r="A4" i="21"/>
  <c r="B4" i="14"/>
  <c r="A4" i="13"/>
  <c r="A4" i="20"/>
  <c r="F16" i="13"/>
  <c r="F18" i="13"/>
  <c r="E23" i="13" s="1"/>
  <c r="F16" i="20"/>
  <c r="F18" i="20" s="1"/>
  <c r="E23" i="20" s="1"/>
  <c r="A4" i="12"/>
  <c r="A4" i="31"/>
  <c r="A4" i="11"/>
  <c r="A4" i="10"/>
  <c r="A4" i="9"/>
  <c r="A4" i="8"/>
  <c r="A4" i="7"/>
  <c r="A4" i="6"/>
  <c r="E12" i="6"/>
  <c r="A4" i="5"/>
  <c r="J150" i="2"/>
  <c r="L150" i="2"/>
  <c r="F7" i="2"/>
  <c r="F53" i="2"/>
  <c r="F117" i="2" s="1"/>
  <c r="F196" i="2" s="1"/>
  <c r="F259" i="2" s="1"/>
  <c r="C112" i="34"/>
  <c r="J24" i="34"/>
  <c r="K72" i="6"/>
  <c r="E198" i="34"/>
  <c r="E186" i="34"/>
  <c r="G79" i="6"/>
  <c r="G30" i="6"/>
  <c r="G31" i="6" s="1"/>
  <c r="G106" i="2" s="1"/>
  <c r="L106" i="2" s="1"/>
  <c r="H214" i="2"/>
  <c r="K71" i="6"/>
  <c r="K70" i="6"/>
  <c r="E70" i="6"/>
  <c r="K69" i="6"/>
  <c r="K68" i="6"/>
  <c r="K67" i="6"/>
  <c r="E67" i="6"/>
  <c r="K66" i="6"/>
  <c r="E66" i="6"/>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c r="I51" i="11"/>
  <c r="I61" i="11"/>
  <c r="I63" i="11" s="1"/>
  <c r="I65" i="11" s="1"/>
  <c r="E66" i="11"/>
  <c r="E56" i="11"/>
  <c r="I66" i="11"/>
  <c r="I56" i="11"/>
  <c r="C50" i="11"/>
  <c r="M41" i="11"/>
  <c r="L214" i="2"/>
  <c r="C31" i="34"/>
  <c r="C32" i="34" s="1"/>
  <c r="C37" i="34"/>
  <c r="C38" i="34" s="1"/>
  <c r="C43" i="34"/>
  <c r="C49" i="34"/>
  <c r="E31" i="34"/>
  <c r="E32" i="34" s="1"/>
  <c r="E37" i="34"/>
  <c r="E43" i="34"/>
  <c r="E49" i="34"/>
  <c r="E50" i="34"/>
  <c r="F31" i="34"/>
  <c r="F37" i="34"/>
  <c r="F38" i="34" s="1"/>
  <c r="F43" i="34"/>
  <c r="F49" i="34"/>
  <c r="G31" i="34"/>
  <c r="G37" i="34"/>
  <c r="G38" i="34"/>
  <c r="G43" i="34"/>
  <c r="G44" i="34"/>
  <c r="G49" i="34"/>
  <c r="H31" i="34"/>
  <c r="H37" i="34"/>
  <c r="H38" i="34"/>
  <c r="H43" i="34"/>
  <c r="H49" i="34"/>
  <c r="H50" i="34"/>
  <c r="I31" i="34"/>
  <c r="I37" i="34"/>
  <c r="I38" i="34" s="1"/>
  <c r="I43" i="34"/>
  <c r="I44" i="34" s="1"/>
  <c r="I49" i="34"/>
  <c r="I50" i="34" s="1"/>
  <c r="F11" i="10"/>
  <c r="F29" i="10" s="1"/>
  <c r="F341" i="2" s="1"/>
  <c r="G169" i="2" s="1"/>
  <c r="F15" i="10"/>
  <c r="F19" i="10"/>
  <c r="F23" i="10"/>
  <c r="F27" i="10"/>
  <c r="C14" i="34"/>
  <c r="J10" i="34"/>
  <c r="J9" i="34"/>
  <c r="J11" i="34"/>
  <c r="J13" i="34"/>
  <c r="J56" i="34"/>
  <c r="J58" i="34"/>
  <c r="J59" i="34"/>
  <c r="F14" i="34"/>
  <c r="F63" i="34" s="1"/>
  <c r="G14" i="34"/>
  <c r="G63" i="34" s="1"/>
  <c r="H14" i="34"/>
  <c r="H63" i="34" s="1"/>
  <c r="I14" i="34"/>
  <c r="I63" i="34" s="1"/>
  <c r="J19" i="34"/>
  <c r="J20" i="34"/>
  <c r="J25" i="34"/>
  <c r="J21" i="34"/>
  <c r="J22" i="34"/>
  <c r="J23" i="34"/>
  <c r="D21" i="9"/>
  <c r="G55" i="6"/>
  <c r="G29" i="6"/>
  <c r="C21" i="7"/>
  <c r="O17" i="21"/>
  <c r="O22" i="21"/>
  <c r="O27" i="21"/>
  <c r="E50" i="31"/>
  <c r="E26" i="11"/>
  <c r="I26" i="11" s="1"/>
  <c r="E52" i="31"/>
  <c r="E27" i="11" s="1"/>
  <c r="I27" i="11" s="1"/>
  <c r="E54" i="31"/>
  <c r="E28" i="11"/>
  <c r="I28" i="11" s="1"/>
  <c r="I43" i="11" s="1"/>
  <c r="G161" i="2" s="1"/>
  <c r="E23" i="31"/>
  <c r="E14" i="31"/>
  <c r="E17" i="11"/>
  <c r="M17" i="11" s="1"/>
  <c r="M43" i="11" s="1"/>
  <c r="G164" i="2" s="1"/>
  <c r="L164" i="2" s="1"/>
  <c r="E59" i="31"/>
  <c r="E31" i="11" s="1"/>
  <c r="M31" i="11" s="1"/>
  <c r="E62" i="31"/>
  <c r="E34" i="11"/>
  <c r="M34" i="11" s="1"/>
  <c r="E89" i="31"/>
  <c r="E39" i="11" s="1"/>
  <c r="M39" i="11" s="1"/>
  <c r="E95" i="31"/>
  <c r="E40" i="11"/>
  <c r="M40" i="11" s="1"/>
  <c r="E65" i="31"/>
  <c r="E35" i="11" s="1"/>
  <c r="K35" i="11"/>
  <c r="E69" i="31"/>
  <c r="E36" i="11"/>
  <c r="K36" i="11" s="1"/>
  <c r="E81" i="31"/>
  <c r="E37" i="11" s="1"/>
  <c r="K37" i="11"/>
  <c r="F44" i="9"/>
  <c r="G144" i="2"/>
  <c r="A10" i="34"/>
  <c r="A11" i="34"/>
  <c r="A19" i="9"/>
  <c r="A20" i="9"/>
  <c r="A21" i="9" s="1"/>
  <c r="E133" i="2" s="1"/>
  <c r="A24" i="9"/>
  <c r="A25" i="9" s="1"/>
  <c r="A26" i="9" s="1"/>
  <c r="F118" i="34"/>
  <c r="F124" i="34"/>
  <c r="F125" i="34" s="1"/>
  <c r="F130" i="34"/>
  <c r="F131" i="34" s="1"/>
  <c r="F136" i="34"/>
  <c r="F183" i="34"/>
  <c r="F184" i="34"/>
  <c r="F185" i="34"/>
  <c r="F188" i="34"/>
  <c r="F213" i="34" s="1"/>
  <c r="F186" i="34"/>
  <c r="F187" i="34"/>
  <c r="F206" i="34"/>
  <c r="F208" i="34"/>
  <c r="F209" i="34"/>
  <c r="F193" i="34"/>
  <c r="F194" i="34"/>
  <c r="F195" i="34"/>
  <c r="F196" i="34"/>
  <c r="F197" i="34"/>
  <c r="F198" i="34"/>
  <c r="E118" i="34"/>
  <c r="E119" i="34" s="1"/>
  <c r="E124" i="34"/>
  <c r="E130" i="34"/>
  <c r="E136" i="34"/>
  <c r="G118" i="34"/>
  <c r="G119" i="34" s="1"/>
  <c r="G124" i="34"/>
  <c r="G125" i="34" s="1"/>
  <c r="G130" i="34"/>
  <c r="G131" i="34" s="1"/>
  <c r="G136" i="34"/>
  <c r="H118" i="34"/>
  <c r="H119" i="34" s="1"/>
  <c r="H124" i="34"/>
  <c r="H130" i="34"/>
  <c r="H131" i="34"/>
  <c r="H136" i="34"/>
  <c r="H137" i="34"/>
  <c r="I118" i="34"/>
  <c r="I119" i="34"/>
  <c r="I124" i="34"/>
  <c r="I130" i="34"/>
  <c r="I136" i="34"/>
  <c r="I137" i="34"/>
  <c r="C118" i="34"/>
  <c r="C124" i="34"/>
  <c r="C130" i="34"/>
  <c r="C131" i="34"/>
  <c r="C136" i="34"/>
  <c r="A201" i="34"/>
  <c r="E194" i="34"/>
  <c r="G194" i="34"/>
  <c r="H194" i="34"/>
  <c r="I194" i="34"/>
  <c r="E195" i="34"/>
  <c r="G195" i="34"/>
  <c r="H195" i="34"/>
  <c r="I195" i="34"/>
  <c r="E196" i="34"/>
  <c r="G196" i="34"/>
  <c r="H196" i="34"/>
  <c r="I196" i="34"/>
  <c r="E197" i="34"/>
  <c r="G197" i="34"/>
  <c r="J197" i="34" s="1"/>
  <c r="H197" i="34"/>
  <c r="I197" i="34"/>
  <c r="G198" i="34"/>
  <c r="H198" i="34"/>
  <c r="I198" i="34"/>
  <c r="E193" i="34"/>
  <c r="G193" i="34"/>
  <c r="H193" i="34"/>
  <c r="I193" i="34"/>
  <c r="C197" i="34"/>
  <c r="C195" i="34"/>
  <c r="J195" i="34" s="1"/>
  <c r="C196" i="34"/>
  <c r="C194" i="34"/>
  <c r="C193" i="34"/>
  <c r="J193" i="34" s="1"/>
  <c r="B199" i="34"/>
  <c r="B196" i="34"/>
  <c r="B197" i="34"/>
  <c r="B198" i="34"/>
  <c r="B194" i="34"/>
  <c r="B195" i="34"/>
  <c r="A192" i="34"/>
  <c r="B193" i="34"/>
  <c r="B9" i="32"/>
  <c r="B3" i="32"/>
  <c r="A13" i="10"/>
  <c r="A17" i="10"/>
  <c r="A21" i="10" s="1"/>
  <c r="A25" i="10" s="1"/>
  <c r="C183" i="34"/>
  <c r="E183" i="34"/>
  <c r="G183" i="34"/>
  <c r="H183" i="34"/>
  <c r="I183" i="34"/>
  <c r="C184" i="34"/>
  <c r="E184" i="34"/>
  <c r="G184" i="34"/>
  <c r="G188" i="34" s="1"/>
  <c r="H184" i="34"/>
  <c r="I184" i="34"/>
  <c r="C185" i="34"/>
  <c r="E185" i="34"/>
  <c r="G185" i="34"/>
  <c r="H185" i="34"/>
  <c r="I185" i="34"/>
  <c r="C186" i="34"/>
  <c r="J186" i="34" s="1"/>
  <c r="G186" i="34"/>
  <c r="H186" i="34"/>
  <c r="I186" i="34"/>
  <c r="C187" i="34"/>
  <c r="J187" i="34"/>
  <c r="E187" i="34"/>
  <c r="G187" i="34"/>
  <c r="H187" i="34"/>
  <c r="I187" i="34"/>
  <c r="C206" i="34"/>
  <c r="J206" i="34"/>
  <c r="E206" i="34"/>
  <c r="G206" i="34"/>
  <c r="H206" i="34"/>
  <c r="I206" i="34"/>
  <c r="C208" i="34"/>
  <c r="J208" i="34"/>
  <c r="L246" i="2" s="1"/>
  <c r="E208" i="34"/>
  <c r="G208" i="34"/>
  <c r="H208" i="34"/>
  <c r="I208" i="34"/>
  <c r="C209" i="34"/>
  <c r="J209" i="34"/>
  <c r="L247" i="2" s="1"/>
  <c r="E209" i="34"/>
  <c r="G209" i="34"/>
  <c r="H209" i="34"/>
  <c r="I209" i="34"/>
  <c r="J96" i="34"/>
  <c r="J97" i="34"/>
  <c r="J98" i="34"/>
  <c r="J99" i="34"/>
  <c r="J100" i="34"/>
  <c r="J143" i="34"/>
  <c r="J145" i="34"/>
  <c r="J146" i="34"/>
  <c r="A6" i="12"/>
  <c r="F25" i="34"/>
  <c r="G25" i="34"/>
  <c r="H25" i="34"/>
  <c r="I25" i="34"/>
  <c r="I79" i="34" s="1"/>
  <c r="C101" i="34"/>
  <c r="C150" i="34" s="1"/>
  <c r="E101" i="34"/>
  <c r="E150" i="34" s="1"/>
  <c r="F101" i="34"/>
  <c r="G101" i="34"/>
  <c r="G150" i="34" s="1"/>
  <c r="H101" i="34"/>
  <c r="I101" i="34"/>
  <c r="J106" i="34"/>
  <c r="J107" i="34"/>
  <c r="J108" i="34"/>
  <c r="J109" i="34"/>
  <c r="J110" i="34"/>
  <c r="J111" i="34"/>
  <c r="E112" i="34"/>
  <c r="E166" i="34" s="1"/>
  <c r="F112" i="34"/>
  <c r="G112" i="34"/>
  <c r="G166" i="34"/>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I52" i="5"/>
  <c r="L90" i="2" s="1"/>
  <c r="G185" i="2"/>
  <c r="L185" i="2" s="1"/>
  <c r="G133" i="2"/>
  <c r="G143" i="2"/>
  <c r="E98" i="31"/>
  <c r="A14" i="31"/>
  <c r="A22" i="31"/>
  <c r="E163" i="2" s="1"/>
  <c r="E51" i="9"/>
  <c r="C60" i="13"/>
  <c r="D64" i="9"/>
  <c r="G139" i="2" s="1"/>
  <c r="D44" i="9"/>
  <c r="G138" i="2" s="1"/>
  <c r="K33" i="21"/>
  <c r="A22" i="21"/>
  <c r="A27" i="21"/>
  <c r="A33" i="21" s="1"/>
  <c r="D187" i="2" s="1"/>
  <c r="A6" i="21"/>
  <c r="M20" i="13"/>
  <c r="L26" i="20"/>
  <c r="I808" i="20"/>
  <c r="I899"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s="1"/>
  <c r="J15" i="8"/>
  <c r="A27" i="8"/>
  <c r="A29" i="8"/>
  <c r="A31" i="8" s="1"/>
  <c r="E15" i="2" s="1"/>
  <c r="J17" i="8"/>
  <c r="J19" i="8"/>
  <c r="J29" i="8"/>
  <c r="A15" i="7"/>
  <c r="A17" i="7" s="1"/>
  <c r="A18" i="7"/>
  <c r="A19" i="7" s="1"/>
  <c r="A21" i="7"/>
  <c r="A17" i="6"/>
  <c r="A17" i="5"/>
  <c r="A18" i="5" s="1"/>
  <c r="A19" i="5"/>
  <c r="F51" i="2"/>
  <c r="F115" i="2"/>
  <c r="F194" i="2" s="1"/>
  <c r="F257" i="2" s="1"/>
  <c r="F52" i="2"/>
  <c r="F116" i="2"/>
  <c r="F195" i="2" s="1"/>
  <c r="F258" i="2" s="1"/>
  <c r="F55" i="2"/>
  <c r="F119" i="2"/>
  <c r="F198" i="2" s="1"/>
  <c r="F261" i="2"/>
  <c r="B61" i="2"/>
  <c r="B125" i="2"/>
  <c r="B62" i="2"/>
  <c r="B126" i="2"/>
  <c r="D71" i="2"/>
  <c r="D79" i="2"/>
  <c r="D73" i="2"/>
  <c r="D80" i="2"/>
  <c r="D75" i="2"/>
  <c r="D81" i="2"/>
  <c r="E123" i="2"/>
  <c r="L123" i="2"/>
  <c r="E124" i="2"/>
  <c r="G124" i="2"/>
  <c r="I124" i="2"/>
  <c r="L124" i="2"/>
  <c r="D154" i="2"/>
  <c r="B15" i="2"/>
  <c r="B17" i="2"/>
  <c r="B18" i="2" s="1"/>
  <c r="B24" i="2" s="1"/>
  <c r="B26" i="2" s="1"/>
  <c r="B27" i="2" s="1"/>
  <c r="C119" i="34"/>
  <c r="E25" i="34"/>
  <c r="E79" i="34" s="1"/>
  <c r="E14" i="34"/>
  <c r="E63" i="34" s="1"/>
  <c r="J12" i="34"/>
  <c r="C25" i="34"/>
  <c r="C198" i="34"/>
  <c r="J198" i="34" s="1"/>
  <c r="L87" i="13"/>
  <c r="I42" i="6"/>
  <c r="K42" i="6"/>
  <c r="E42" i="6" s="1"/>
  <c r="J78" i="6"/>
  <c r="K78" i="6" s="1"/>
  <c r="I73" i="6"/>
  <c r="K73" i="6" s="1"/>
  <c r="E68" i="6"/>
  <c r="I48" i="6"/>
  <c r="K48" i="6"/>
  <c r="E48" i="6" s="1"/>
  <c r="J77" i="6"/>
  <c r="E72" i="6"/>
  <c r="J54" i="6"/>
  <c r="K54" i="6" s="1"/>
  <c r="J75" i="6"/>
  <c r="K75" i="6"/>
  <c r="E75" i="6" s="1"/>
  <c r="I43" i="6"/>
  <c r="K43" i="6" s="1"/>
  <c r="E43" i="6"/>
  <c r="I49" i="6"/>
  <c r="K49" i="6"/>
  <c r="E49" i="6" s="1"/>
  <c r="J52" i="6"/>
  <c r="K52" i="6" s="1"/>
  <c r="E52" i="6"/>
  <c r="I45" i="6"/>
  <c r="K45" i="6"/>
  <c r="E45" i="6" s="1"/>
  <c r="I46" i="6"/>
  <c r="K46" i="6" s="1"/>
  <c r="E46" i="6"/>
  <c r="I44" i="6"/>
  <c r="K44" i="6"/>
  <c r="E44" i="6" s="1"/>
  <c r="I47" i="6"/>
  <c r="K47" i="6" s="1"/>
  <c r="E47" i="6" s="1"/>
  <c r="G53" i="36"/>
  <c r="G57" i="36"/>
  <c r="K197" i="36"/>
  <c r="I150" i="34"/>
  <c r="J183"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E23" i="39"/>
  <c r="L228" i="2" s="1"/>
  <c r="D23" i="39"/>
  <c r="G42" i="39"/>
  <c r="D42" i="39"/>
  <c r="C42" i="39"/>
  <c r="F23" i="39"/>
  <c r="L229" i="2" s="1"/>
  <c r="E61" i="11"/>
  <c r="E63" i="11" s="1"/>
  <c r="E65" i="11" s="1"/>
  <c r="J97" i="13"/>
  <c r="E100" i="13" s="1"/>
  <c r="M100" i="13"/>
  <c r="M101" i="13"/>
  <c r="O100" i="13"/>
  <c r="O101" i="13"/>
  <c r="P101" i="13" s="1"/>
  <c r="F137" i="34"/>
  <c r="F119" i="34"/>
  <c r="I184" i="36"/>
  <c r="A183" i="36"/>
  <c r="C197" i="36"/>
  <c r="G32" i="34"/>
  <c r="A23" i="31"/>
  <c r="C110" i="37"/>
  <c r="G31" i="37"/>
  <c r="G41" i="37"/>
  <c r="G69" i="37"/>
  <c r="G35" i="36"/>
  <c r="G83" i="36"/>
  <c r="G127" i="36"/>
  <c r="G121" i="36"/>
  <c r="G135" i="36"/>
  <c r="G138" i="36"/>
  <c r="F79" i="34"/>
  <c r="F32" i="34"/>
  <c r="E137" i="34"/>
  <c r="A22" i="40"/>
  <c r="A23" i="40" s="1"/>
  <c r="B23" i="40"/>
  <c r="I53" i="11"/>
  <c r="I55" i="11"/>
  <c r="A27" i="9"/>
  <c r="A28" i="9" s="1"/>
  <c r="A29" i="9"/>
  <c r="A30" i="9" s="1"/>
  <c r="A31" i="9" s="1"/>
  <c r="A32" i="9" s="1"/>
  <c r="A33" i="9" s="1"/>
  <c r="G32" i="37"/>
  <c r="G40" i="37"/>
  <c r="G49" i="37"/>
  <c r="G68" i="37"/>
  <c r="G81" i="37"/>
  <c r="G38" i="37"/>
  <c r="G66" i="37"/>
  <c r="G93" i="37"/>
  <c r="G195" i="36"/>
  <c r="D197" i="36"/>
  <c r="G76" i="36"/>
  <c r="G17" i="36"/>
  <c r="G19" i="36"/>
  <c r="F23" i="36"/>
  <c r="G36" i="36"/>
  <c r="G96" i="36"/>
  <c r="G140" i="36"/>
  <c r="G169" i="36"/>
  <c r="G67" i="36"/>
  <c r="G78" i="36"/>
  <c r="G93" i="36"/>
  <c r="E65" i="2"/>
  <c r="G139" i="34"/>
  <c r="G137" i="34"/>
  <c r="E52" i="34"/>
  <c r="E44" i="34"/>
  <c r="J184" i="34"/>
  <c r="E199" i="34"/>
  <c r="F44" i="34"/>
  <c r="F52" i="34"/>
  <c r="C50" i="34"/>
  <c r="C166" i="34"/>
  <c r="J112" i="34"/>
  <c r="J166" i="34" s="1"/>
  <c r="H166" i="34"/>
  <c r="H150" i="34"/>
  <c r="J194" i="34"/>
  <c r="H32" i="34"/>
  <c r="G199" i="34"/>
  <c r="I125" i="34"/>
  <c r="G106" i="36"/>
  <c r="F57" i="34"/>
  <c r="F60" i="34" s="1"/>
  <c r="F65" i="34" s="1"/>
  <c r="F66" i="34" s="1"/>
  <c r="E57" i="34"/>
  <c r="E60" i="34" s="1"/>
  <c r="E65" i="34" s="1"/>
  <c r="E80" i="34"/>
  <c r="E64" i="34"/>
  <c r="J119" i="34"/>
  <c r="G140" i="34"/>
  <c r="I184" i="20"/>
  <c r="I273" i="20"/>
  <c r="I630" i="20"/>
  <c r="I362" i="20"/>
  <c r="I94" i="20"/>
  <c r="I452" i="20"/>
  <c r="I77" i="20"/>
  <c r="A82" i="20"/>
  <c r="F50" i="34"/>
  <c r="G92" i="36"/>
  <c r="G37" i="36"/>
  <c r="I188" i="34"/>
  <c r="I213" i="34" s="1"/>
  <c r="K72" i="36"/>
  <c r="G87" i="36"/>
  <c r="A75" i="38"/>
  <c r="A76" i="38" s="1"/>
  <c r="A77" i="38" s="1"/>
  <c r="A78" i="38" s="1"/>
  <c r="A79" i="38" s="1"/>
  <c r="A80" i="38" s="1"/>
  <c r="E93" i="2"/>
  <c r="C63" i="34"/>
  <c r="C79" i="34"/>
  <c r="D72" i="36"/>
  <c r="K183" i="36"/>
  <c r="E177" i="36"/>
  <c r="E183" i="36"/>
  <c r="G62" i="36"/>
  <c r="G91" i="36"/>
  <c r="D110" i="37"/>
  <c r="G77" i="37"/>
  <c r="G110" i="37"/>
  <c r="E23" i="36"/>
  <c r="J184" i="36"/>
  <c r="G21" i="37"/>
  <c r="G88" i="37"/>
  <c r="F80" i="38"/>
  <c r="G95" i="2" s="1"/>
  <c r="L95" i="2" s="1"/>
  <c r="J77" i="13"/>
  <c r="D33" i="32"/>
  <c r="E226" i="2"/>
  <c r="E227" i="2"/>
  <c r="A29" i="39"/>
  <c r="A30" i="39" s="1"/>
  <c r="A31" i="39" s="1"/>
  <c r="A32" i="39" s="1"/>
  <c r="A33" i="39"/>
  <c r="A34" i="39" s="1"/>
  <c r="A35" i="39" s="1"/>
  <c r="A36" i="39" s="1"/>
  <c r="A37" i="39" s="1"/>
  <c r="A38" i="39" s="1"/>
  <c r="A39" i="39" s="1"/>
  <c r="A40" i="39" s="1"/>
  <c r="A41" i="39" s="1"/>
  <c r="A42" i="39" s="1"/>
  <c r="B74" i="39"/>
  <c r="E229" i="2"/>
  <c r="E228" i="2"/>
  <c r="N89" i="13"/>
  <c r="J49" i="34"/>
  <c r="G50" i="34"/>
  <c r="A30" i="31"/>
  <c r="A37" i="31"/>
  <c r="C22" i="31" s="1"/>
  <c r="A40" i="31"/>
  <c r="A49" i="31" s="1"/>
  <c r="A50" i="31" s="1"/>
  <c r="A52" i="31" s="1"/>
  <c r="A54" i="31" s="1"/>
  <c r="A58" i="31" s="1"/>
  <c r="A59" i="31" s="1"/>
  <c r="A61" i="31" s="1"/>
  <c r="A62" i="31"/>
  <c r="A65" i="31" s="1"/>
  <c r="A69" i="31" s="1"/>
  <c r="A81" i="31" s="1"/>
  <c r="A86" i="31" s="1"/>
  <c r="A89" i="31" s="1"/>
  <c r="A95" i="31" s="1"/>
  <c r="A98" i="31" s="1"/>
  <c r="A101" i="31" s="1"/>
  <c r="I199" i="34"/>
  <c r="I229" i="34"/>
  <c r="A12" i="34"/>
  <c r="A13" i="34" s="1"/>
  <c r="O33" i="21"/>
  <c r="G187" i="2" s="1"/>
  <c r="I32" i="34"/>
  <c r="I53" i="34"/>
  <c r="I203" i="34" s="1"/>
  <c r="I52" i="34"/>
  <c r="A20" i="5"/>
  <c r="D20" i="5"/>
  <c r="L244" i="2"/>
  <c r="H199" i="34"/>
  <c r="H229" i="34" s="1"/>
  <c r="J136" i="34"/>
  <c r="C137" i="34"/>
  <c r="J137" i="34" s="1"/>
  <c r="A26" i="40"/>
  <c r="I109" i="37"/>
  <c r="J109" i="37"/>
  <c r="A184" i="36"/>
  <c r="D34" i="5" s="1"/>
  <c r="D35" i="5"/>
  <c r="J101" i="34"/>
  <c r="J150" i="34" s="1"/>
  <c r="C139" i="34"/>
  <c r="J124" i="34"/>
  <c r="C125" i="34"/>
  <c r="G110" i="2"/>
  <c r="L110" i="2" s="1"/>
  <c r="C23" i="7"/>
  <c r="H44" i="34"/>
  <c r="H53" i="34"/>
  <c r="H203" i="34" s="1"/>
  <c r="H52" i="34"/>
  <c r="J50" i="34"/>
  <c r="L227" i="2"/>
  <c r="G234" i="2"/>
  <c r="J234" i="2" s="1"/>
  <c r="E22" i="13" s="1"/>
  <c r="E74" i="39"/>
  <c r="E76" i="39"/>
  <c r="H79" i="34"/>
  <c r="J185" i="34"/>
  <c r="J188" i="34" s="1"/>
  <c r="J213" i="34" s="1"/>
  <c r="C188" i="34"/>
  <c r="C213" i="34" s="1"/>
  <c r="H188" i="34"/>
  <c r="H213" i="34" s="1"/>
  <c r="E131" i="34"/>
  <c r="F216" i="34"/>
  <c r="F218" i="34"/>
  <c r="G34" i="36"/>
  <c r="G134" i="36"/>
  <c r="G137" i="36"/>
  <c r="G150" i="36"/>
  <c r="G158" i="36"/>
  <c r="G162" i="36"/>
  <c r="G168" i="36"/>
  <c r="F64" i="34"/>
  <c r="F80" i="34"/>
  <c r="E101" i="2"/>
  <c r="A19" i="6"/>
  <c r="G126" i="36"/>
  <c r="C183" i="36"/>
  <c r="K109" i="37"/>
  <c r="F140" i="34"/>
  <c r="J55" i="6"/>
  <c r="J29" i="6" s="1"/>
  <c r="G79" i="34"/>
  <c r="J118" i="34"/>
  <c r="G48" i="20"/>
  <c r="F48" i="13"/>
  <c r="M88" i="13"/>
  <c r="N21" i="13" s="1"/>
  <c r="G17" i="37"/>
  <c r="C109" i="37"/>
  <c r="J196" i="34"/>
  <c r="J199" i="34" s="1"/>
  <c r="F139" i="34"/>
  <c r="G29" i="36"/>
  <c r="I72" i="36"/>
  <c r="G42" i="36"/>
  <c r="G80" i="36"/>
  <c r="G100" i="36"/>
  <c r="G104" i="36"/>
  <c r="G124" i="36"/>
  <c r="G130" i="36"/>
  <c r="G139" i="36"/>
  <c r="G184" i="36" s="1"/>
  <c r="G142" i="36"/>
  <c r="G152" i="36"/>
  <c r="G160" i="36"/>
  <c r="G166" i="36"/>
  <c r="G29" i="37"/>
  <c r="G53" i="37"/>
  <c r="G57" i="37"/>
  <c r="G21" i="36"/>
  <c r="G23" i="36"/>
  <c r="G30" i="36"/>
  <c r="G33" i="36"/>
  <c r="G40" i="36"/>
  <c r="G60" i="36"/>
  <c r="G85" i="36"/>
  <c r="G107" i="36"/>
  <c r="G128" i="36"/>
  <c r="G146" i="36"/>
  <c r="G164" i="36"/>
  <c r="G18" i="37"/>
  <c r="G27" i="37"/>
  <c r="G42" i="37"/>
  <c r="G46" i="37"/>
  <c r="G58" i="37"/>
  <c r="G79" i="37"/>
  <c r="G90" i="37"/>
  <c r="F109" i="37"/>
  <c r="G60" i="37"/>
  <c r="G94" i="37"/>
  <c r="F87" i="38"/>
  <c r="G97" i="2" s="1"/>
  <c r="A21" i="6"/>
  <c r="E102" i="2"/>
  <c r="C167" i="34"/>
  <c r="C172" i="34" s="1"/>
  <c r="C144" i="34"/>
  <c r="C151" i="34"/>
  <c r="A186" i="36"/>
  <c r="A188" i="36" s="1"/>
  <c r="A190" i="36" s="1"/>
  <c r="A192" i="36" s="1"/>
  <c r="A193" i="36" s="1"/>
  <c r="A194" i="36" s="1"/>
  <c r="A195" i="36" s="1"/>
  <c r="A196" i="36" s="1"/>
  <c r="A197" i="36" s="1"/>
  <c r="D52" i="5" s="1"/>
  <c r="A14" i="34"/>
  <c r="A27" i="40"/>
  <c r="A28" i="40"/>
  <c r="A29" i="40"/>
  <c r="A23" i="5"/>
  <c r="A25" i="5"/>
  <c r="E86" i="2"/>
  <c r="F144" i="34"/>
  <c r="F147" i="34"/>
  <c r="F152" i="34"/>
  <c r="F151" i="34"/>
  <c r="F167" i="34"/>
  <c r="F202" i="34"/>
  <c r="H80" i="34"/>
  <c r="H64" i="34"/>
  <c r="H57" i="34"/>
  <c r="H60" i="34" s="1"/>
  <c r="H65" i="34" s="1"/>
  <c r="H66" i="34" s="1"/>
  <c r="C140" i="34"/>
  <c r="I57" i="34"/>
  <c r="I60" i="34" s="1"/>
  <c r="I65" i="34" s="1"/>
  <c r="I66" i="34" s="1"/>
  <c r="I80" i="34"/>
  <c r="I64" i="34"/>
  <c r="I68" i="34"/>
  <c r="I84" i="34" s="1"/>
  <c r="I87" i="34" s="1"/>
  <c r="F207" i="34"/>
  <c r="F210" i="34"/>
  <c r="F215" i="34" s="1"/>
  <c r="F220" i="34" s="1"/>
  <c r="F236" i="34" s="1"/>
  <c r="F230" i="34"/>
  <c r="F214" i="34"/>
  <c r="F219" i="34" s="1"/>
  <c r="C147" i="34"/>
  <c r="C152" i="34"/>
  <c r="F70" i="34"/>
  <c r="F86" i="34" s="1"/>
  <c r="C153" i="34"/>
  <c r="C155" i="34"/>
  <c r="C171" i="34"/>
  <c r="C174" i="34" s="1"/>
  <c r="C156" i="34"/>
  <c r="A27" i="6"/>
  <c r="A29" i="6" s="1"/>
  <c r="A30" i="6" s="1"/>
  <c r="A31" i="6" s="1"/>
  <c r="E103" i="2"/>
  <c r="C157" i="34"/>
  <c r="C173" i="34"/>
  <c r="I69" i="34"/>
  <c r="I85" i="34" s="1"/>
  <c r="E22" i="20"/>
  <c r="E51" i="5"/>
  <c r="I49" i="5"/>
  <c r="I51" i="5" s="1"/>
  <c r="G90" i="2" s="1"/>
  <c r="I719" i="20"/>
  <c r="I541" i="20"/>
  <c r="G173" i="2"/>
  <c r="G178" i="2" s="1"/>
  <c r="E23" i="11"/>
  <c r="G23" i="11" s="1"/>
  <c r="C25" i="42"/>
  <c r="C29" i="42"/>
  <c r="C22" i="42"/>
  <c r="C26" i="42"/>
  <c r="C24" i="41"/>
  <c r="C28" i="41"/>
  <c r="C32" i="41"/>
  <c r="C25" i="41"/>
  <c r="C29" i="41"/>
  <c r="C22" i="41"/>
  <c r="C26" i="41"/>
  <c r="C24" i="35"/>
  <c r="C28" i="35"/>
  <c r="C32" i="35"/>
  <c r="C25" i="35"/>
  <c r="C29" i="35"/>
  <c r="C22" i="35"/>
  <c r="C26" i="35"/>
  <c r="E37" i="31"/>
  <c r="E22" i="11"/>
  <c r="G22" i="11"/>
  <c r="I38" i="31"/>
  <c r="I37" i="31" s="1"/>
  <c r="E20" i="11"/>
  <c r="G20" i="11"/>
  <c r="I39" i="6"/>
  <c r="K39" i="6" s="1"/>
  <c r="P142" i="13"/>
  <c r="I35" i="5"/>
  <c r="P143" i="13"/>
  <c r="P147" i="13"/>
  <c r="E30" i="31"/>
  <c r="E22" i="31" s="1"/>
  <c r="H213" i="2"/>
  <c r="E101" i="31" l="1"/>
  <c r="G163" i="2"/>
  <c r="D79" i="6"/>
  <c r="D30" i="6" s="1"/>
  <c r="H217" i="2"/>
  <c r="E21" i="11"/>
  <c r="G21" i="11" s="1"/>
  <c r="H216" i="2"/>
  <c r="F217" i="2"/>
  <c r="I31" i="31"/>
  <c r="I30" i="31" s="1"/>
  <c r="I22" i="31" s="1"/>
  <c r="L163" i="2" s="1"/>
  <c r="G43" i="11"/>
  <c r="P155" i="13"/>
  <c r="H69" i="34"/>
  <c r="H85" i="34" s="1"/>
  <c r="H70" i="34"/>
  <c r="H86" i="34"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L241" i="2"/>
  <c r="J229" i="34"/>
  <c r="C216" i="34"/>
  <c r="C218" i="34" s="1"/>
  <c r="C234" i="34" s="1"/>
  <c r="C237" i="34" s="1"/>
  <c r="A48" i="39"/>
  <c r="A49" i="39" s="1"/>
  <c r="I70" i="34"/>
  <c r="I86" i="34" s="1"/>
  <c r="J216" i="34"/>
  <c r="H254" i="2" s="1"/>
  <c r="J218" i="34"/>
  <c r="E95" i="2"/>
  <c r="A84" i="38"/>
  <c r="A87" i="38" s="1"/>
  <c r="A30" i="40"/>
  <c r="C30" i="40"/>
  <c r="A16" i="34"/>
  <c r="B63" i="34"/>
  <c r="E131" i="2"/>
  <c r="A36" i="9"/>
  <c r="A37" i="9" s="1"/>
  <c r="A38" i="9" s="1"/>
  <c r="A39" i="9" s="1"/>
  <c r="A40" i="9" s="1"/>
  <c r="A41" i="9" s="1"/>
  <c r="A44" i="9" s="1"/>
  <c r="J32" i="34"/>
  <c r="G53" i="34"/>
  <c r="G203" i="34" s="1"/>
  <c r="B23" i="7"/>
  <c r="A23" i="7"/>
  <c r="E110" i="2" s="1"/>
  <c r="E43" i="11"/>
  <c r="E66" i="34"/>
  <c r="E68" i="34" s="1"/>
  <c r="E84" i="34" s="1"/>
  <c r="E87" i="34" s="1"/>
  <c r="C199" i="34"/>
  <c r="C229" i="34" s="1"/>
  <c r="A48" i="11"/>
  <c r="E164" i="2"/>
  <c r="E165" i="2"/>
  <c r="E161" i="2"/>
  <c r="F53" i="34"/>
  <c r="F203" i="34" s="1"/>
  <c r="N88" i="13"/>
  <c r="O21" i="13" s="1"/>
  <c r="P21" i="13" s="1"/>
  <c r="M89" i="13"/>
  <c r="O89" i="13" s="1"/>
  <c r="C52" i="34"/>
  <c r="J43" i="34"/>
  <c r="C44" i="34"/>
  <c r="I216" i="34"/>
  <c r="I218" i="34" s="1"/>
  <c r="I234" i="34" s="1"/>
  <c r="I237" i="34" s="1"/>
  <c r="E70" i="34"/>
  <c r="E86" i="34" s="1"/>
  <c r="G151" i="34"/>
  <c r="G144" i="34"/>
  <c r="G147" i="34" s="1"/>
  <c r="G152" i="34" s="1"/>
  <c r="G167" i="34"/>
  <c r="H68" i="34"/>
  <c r="H84" i="34" s="1"/>
  <c r="H87" i="34" s="1"/>
  <c r="G52" i="34"/>
  <c r="J31" i="34"/>
  <c r="G39" i="36"/>
  <c r="C71" i="36"/>
  <c r="A29" i="38"/>
  <c r="A30" i="38" s="1"/>
  <c r="A31" i="38" s="1"/>
  <c r="A32" i="38" s="1"/>
  <c r="A33" i="38" s="1"/>
  <c r="A34" i="38" s="1"/>
  <c r="A35" i="38" s="1"/>
  <c r="A36" i="38" s="1"/>
  <c r="A37" i="38" s="1"/>
  <c r="A38" i="38" s="1"/>
  <c r="A39" i="38" s="1"/>
  <c r="A40" i="38" s="1"/>
  <c r="A41" i="38" s="1"/>
  <c r="A42" i="38" s="1"/>
  <c r="E64" i="2"/>
  <c r="E66" i="2"/>
  <c r="E67" i="2"/>
  <c r="F235" i="34"/>
  <c r="A26" i="5"/>
  <c r="A27" i="5" s="1"/>
  <c r="A28" i="5" s="1"/>
  <c r="H216" i="34"/>
  <c r="H218" i="34" s="1"/>
  <c r="H234" i="34" s="1"/>
  <c r="H237" i="34" s="1"/>
  <c r="F68" i="34"/>
  <c r="F84" i="34" s="1"/>
  <c r="F87" i="34" s="1"/>
  <c r="F69" i="34"/>
  <c r="F85" i="34" s="1"/>
  <c r="B28" i="2"/>
  <c r="B30" i="2" s="1"/>
  <c r="B31" i="2" s="1"/>
  <c r="D30" i="2"/>
  <c r="E28" i="2"/>
  <c r="G153" i="34"/>
  <c r="G155" i="34" s="1"/>
  <c r="G171" i="34" s="1"/>
  <c r="G174" i="34" s="1"/>
  <c r="G213" i="34"/>
  <c r="G229" i="34"/>
  <c r="I131" i="34"/>
  <c r="J131" i="34" s="1"/>
  <c r="I139" i="34"/>
  <c r="J130" i="34"/>
  <c r="H125" i="34"/>
  <c r="H140" i="34" s="1"/>
  <c r="H139" i="34"/>
  <c r="E125" i="34"/>
  <c r="E139" i="34"/>
  <c r="K43" i="11"/>
  <c r="G165" i="2" s="1"/>
  <c r="G166" i="2" s="1"/>
  <c r="G171" i="36"/>
  <c r="G177" i="36" s="1"/>
  <c r="G183" i="36" s="1"/>
  <c r="F177" i="36"/>
  <c r="F183" i="36" s="1"/>
  <c r="F150" i="34"/>
  <c r="F166" i="34"/>
  <c r="J14" i="34"/>
  <c r="J63" i="34" s="1"/>
  <c r="E38" i="34"/>
  <c r="E53" i="34" s="1"/>
  <c r="E203" i="34" s="1"/>
  <c r="J37" i="34"/>
  <c r="F71" i="36"/>
  <c r="G66" i="36"/>
  <c r="E64" i="9"/>
  <c r="E188" i="34"/>
  <c r="F199" i="34"/>
  <c r="F229" i="34" s="1"/>
  <c r="F234" i="34" s="1"/>
  <c r="F237" i="34" s="1"/>
  <c r="K71" i="36"/>
  <c r="G122" i="36"/>
  <c r="J79" i="6"/>
  <c r="J30" i="6" s="1"/>
  <c r="J31" i="6" s="1"/>
  <c r="G104" i="2" s="1"/>
  <c r="K77" i="6"/>
  <c r="E77" i="6" s="1"/>
  <c r="E44" i="9"/>
  <c r="D71" i="36"/>
  <c r="G45" i="36"/>
  <c r="G61" i="36"/>
  <c r="G72" i="36" s="1"/>
  <c r="C72" i="36"/>
  <c r="D177" i="36"/>
  <c r="D183" i="36" s="1"/>
  <c r="G86" i="36"/>
  <c r="G99" i="37"/>
  <c r="G109" i="37" s="1"/>
  <c r="E109" i="37"/>
  <c r="P109" i="13"/>
  <c r="P119" i="13"/>
  <c r="P153" i="13"/>
  <c r="P157" i="13"/>
  <c r="G52" i="37"/>
  <c r="G101" i="37"/>
  <c r="D109" i="37"/>
  <c r="F100" i="13"/>
  <c r="G100" i="13" s="1"/>
  <c r="P110" i="13"/>
  <c r="P112" i="13"/>
  <c r="P114" i="13"/>
  <c r="P130" i="13"/>
  <c r="P136" i="13"/>
  <c r="P140" i="13"/>
  <c r="P144" i="13"/>
  <c r="P146" i="13"/>
  <c r="P148" i="13"/>
  <c r="P152" i="13"/>
  <c r="P154" i="13"/>
  <c r="P156" i="13"/>
  <c r="P158" i="13"/>
  <c r="G45" i="37"/>
  <c r="S17" i="21"/>
  <c r="S33" i="21" s="1"/>
  <c r="L187" i="2" s="1"/>
  <c r="C27" i="42"/>
  <c r="C30" i="42"/>
  <c r="C32" i="42"/>
  <c r="C24" i="42"/>
  <c r="C31" i="42"/>
  <c r="C23" i="42"/>
  <c r="C28" i="42"/>
  <c r="S22" i="21"/>
  <c r="S27" i="21"/>
  <c r="G179" i="2"/>
  <c r="C30" i="35"/>
  <c r="C31" i="35"/>
  <c r="G180" i="2"/>
  <c r="C23" i="41"/>
  <c r="P106" i="13"/>
  <c r="P125" i="13"/>
  <c r="P129" i="13"/>
  <c r="H38" i="39"/>
  <c r="I18" i="5"/>
  <c r="I27" i="5"/>
  <c r="G36" i="5"/>
  <c r="I10" i="42"/>
  <c r="E20" i="5"/>
  <c r="P117" i="13"/>
  <c r="P121" i="13"/>
  <c r="H32" i="39"/>
  <c r="H36" i="39"/>
  <c r="I10" i="35"/>
  <c r="J54" i="35" s="1"/>
  <c r="I40" i="6"/>
  <c r="K40" i="6" s="1"/>
  <c r="K55" i="6" s="1"/>
  <c r="K29" i="6" s="1"/>
  <c r="P116" i="13"/>
  <c r="P118" i="13"/>
  <c r="P120" i="13"/>
  <c r="P131" i="13"/>
  <c r="P137" i="13"/>
  <c r="P139" i="13"/>
  <c r="P151" i="13"/>
  <c r="G15" i="42"/>
  <c r="G21" i="42" s="1"/>
  <c r="G22" i="42" s="1"/>
  <c r="G23" i="42" s="1"/>
  <c r="G15" i="41"/>
  <c r="G21" i="41" s="1"/>
  <c r="G22" i="41" s="1"/>
  <c r="G23" i="41" s="1"/>
  <c r="G24" i="41" s="1"/>
  <c r="G21" i="35"/>
  <c r="G22" i="35" s="1"/>
  <c r="G23" i="35" s="1"/>
  <c r="G24" i="35" s="1"/>
  <c r="G25" i="35" s="1"/>
  <c r="O22" i="13"/>
  <c r="D72" i="9"/>
  <c r="G140" i="2" s="1"/>
  <c r="E67" i="9"/>
  <c r="E72" i="9" s="1"/>
  <c r="H30" i="39"/>
  <c r="H34" i="39"/>
  <c r="G23" i="38"/>
  <c r="G67" i="2" s="1"/>
  <c r="P103" i="13"/>
  <c r="P105" i="13"/>
  <c r="P107" i="13"/>
  <c r="P111" i="13"/>
  <c r="P113" i="13"/>
  <c r="P126" i="13"/>
  <c r="P159" i="13"/>
  <c r="H29" i="39"/>
  <c r="H33" i="39"/>
  <c r="H37" i="39"/>
  <c r="H41" i="39"/>
  <c r="I25" i="5"/>
  <c r="G87" i="2" s="1"/>
  <c r="E28" i="5"/>
  <c r="I34" i="5"/>
  <c r="E44" i="5"/>
  <c r="P100" i="13"/>
  <c r="P123" i="13"/>
  <c r="P127" i="13"/>
  <c r="P132" i="13"/>
  <c r="P134" i="13"/>
  <c r="P138" i="13"/>
  <c r="P141" i="13"/>
  <c r="P145" i="13"/>
  <c r="P149" i="13"/>
  <c r="D33" i="9"/>
  <c r="G131" i="2" s="1"/>
  <c r="L41" i="2" s="1"/>
  <c r="L45" i="2" s="1"/>
  <c r="C23" i="38"/>
  <c r="G63" i="2" s="1"/>
  <c r="L204" i="2" s="1"/>
  <c r="E23" i="38"/>
  <c r="G65" i="2" s="1"/>
  <c r="C42" i="38"/>
  <c r="H40" i="39"/>
  <c r="H39" i="39"/>
  <c r="I10" i="41"/>
  <c r="J54" i="41" s="1"/>
  <c r="C23" i="39"/>
  <c r="L226" i="2" s="1"/>
  <c r="L230" i="2" s="1"/>
  <c r="G235" i="2" s="1"/>
  <c r="G12" i="39"/>
  <c r="G23" i="39" s="1"/>
  <c r="G44" i="5"/>
  <c r="I42" i="5"/>
  <c r="I44" i="5" s="1"/>
  <c r="L89" i="2" s="1"/>
  <c r="M90" i="13"/>
  <c r="L223" i="2"/>
  <c r="G142" i="2"/>
  <c r="G141" i="2"/>
  <c r="E36" i="5"/>
  <c r="I33" i="5"/>
  <c r="E42" i="38"/>
  <c r="G73" i="2" s="1"/>
  <c r="G80" i="2" s="1"/>
  <c r="K48" i="11" s="1"/>
  <c r="E21" i="41"/>
  <c r="N90" i="13"/>
  <c r="P115" i="13"/>
  <c r="D55" i="6"/>
  <c r="D29" i="6" s="1"/>
  <c r="E39" i="6"/>
  <c r="E42" i="39"/>
  <c r="H31" i="39"/>
  <c r="G20" i="5"/>
  <c r="I17" i="5"/>
  <c r="I19" i="5"/>
  <c r="I26" i="5"/>
  <c r="G28" i="5"/>
  <c r="I65" i="6"/>
  <c r="I27" i="8"/>
  <c r="I31" i="8" s="1"/>
  <c r="J21" i="8"/>
  <c r="J27" i="8" s="1"/>
  <c r="J31" i="8" s="1"/>
  <c r="P108" i="13"/>
  <c r="P150" i="13"/>
  <c r="F42" i="39"/>
  <c r="E21" i="42"/>
  <c r="J54" i="42"/>
  <c r="I28" i="5"/>
  <c r="L87" i="2" s="1"/>
  <c r="G157" i="2"/>
  <c r="G42" i="38"/>
  <c r="G75" i="2" s="1"/>
  <c r="O23" i="13" l="1"/>
  <c r="E21" i="35"/>
  <c r="E22" i="35" s="1"/>
  <c r="D31" i="6"/>
  <c r="N22" i="13"/>
  <c r="N23" i="13" s="1"/>
  <c r="O88" i="13"/>
  <c r="O90" i="13" s="1"/>
  <c r="G71" i="36"/>
  <c r="C64" i="34"/>
  <c r="C80" i="34"/>
  <c r="C57" i="34"/>
  <c r="C202" i="34"/>
  <c r="J52" i="34"/>
  <c r="A50" i="11"/>
  <c r="A51" i="11" s="1"/>
  <c r="C61" i="11" s="1"/>
  <c r="D101" i="13"/>
  <c r="E101" i="13" s="1"/>
  <c r="E213" i="34"/>
  <c r="E229" i="34"/>
  <c r="J38" i="34"/>
  <c r="E72" i="2"/>
  <c r="E74" i="2"/>
  <c r="E75" i="2"/>
  <c r="E73" i="2"/>
  <c r="A49" i="38"/>
  <c r="A50" i="38" s="1"/>
  <c r="A51" i="38" s="1"/>
  <c r="A52" i="38" s="1"/>
  <c r="A53" i="38" s="1"/>
  <c r="A54" i="38" s="1"/>
  <c r="A55" i="38" s="1"/>
  <c r="A56" i="38" s="1"/>
  <c r="A57" i="38" s="1"/>
  <c r="A58" i="38" s="1"/>
  <c r="A59" i="38" s="1"/>
  <c r="A60" i="38" s="1"/>
  <c r="A61" i="38" s="1"/>
  <c r="A62" i="38" s="1"/>
  <c r="E71" i="2"/>
  <c r="C33" i="40"/>
  <c r="A33" i="40"/>
  <c r="E146" i="2" s="1"/>
  <c r="G251" i="2"/>
  <c r="J234" i="34"/>
  <c r="J237" i="34" s="1"/>
  <c r="A50" i="39"/>
  <c r="A51" i="39" s="1"/>
  <c r="A52" i="39" s="1"/>
  <c r="A53" i="39" s="1"/>
  <c r="A54" i="39" s="1"/>
  <c r="A55" i="39" s="1"/>
  <c r="H202" i="34"/>
  <c r="H167" i="34"/>
  <c r="H151" i="34"/>
  <c r="H144" i="34"/>
  <c r="H147" i="34" s="1"/>
  <c r="H152" i="34" s="1"/>
  <c r="B33" i="2"/>
  <c r="B34" i="2" s="1"/>
  <c r="C70" i="13"/>
  <c r="D33" i="2"/>
  <c r="C70" i="20"/>
  <c r="G147" i="2"/>
  <c r="F153" i="34"/>
  <c r="F155" i="34" s="1"/>
  <c r="F171" i="34" s="1"/>
  <c r="F174" i="34" s="1"/>
  <c r="E144" i="34"/>
  <c r="E167" i="34"/>
  <c r="E151" i="34"/>
  <c r="J139" i="34"/>
  <c r="E202" i="34"/>
  <c r="G216" i="34"/>
  <c r="G218" i="34" s="1"/>
  <c r="G234" i="34" s="1"/>
  <c r="G237" i="34" s="1"/>
  <c r="D28" i="5"/>
  <c r="G202" i="34"/>
  <c r="G80" i="34"/>
  <c r="G57" i="34"/>
  <c r="G60" i="34" s="1"/>
  <c r="G65" i="34" s="1"/>
  <c r="G64" i="34"/>
  <c r="G157" i="34"/>
  <c r="G173" i="34" s="1"/>
  <c r="J44" i="34"/>
  <c r="C53" i="34"/>
  <c r="E69" i="34"/>
  <c r="E85" i="34" s="1"/>
  <c r="A47" i="9"/>
  <c r="A48" i="9" s="1"/>
  <c r="A49" i="9" s="1"/>
  <c r="A50" i="9" s="1"/>
  <c r="A51" i="9" s="1"/>
  <c r="A52" i="9" s="1"/>
  <c r="A53" i="9" s="1"/>
  <c r="A54" i="9" s="1"/>
  <c r="A55" i="9" s="1"/>
  <c r="A56" i="9" s="1"/>
  <c r="A57" i="9" s="1"/>
  <c r="A58" i="9" s="1"/>
  <c r="A59" i="9" s="1"/>
  <c r="A60" i="9" s="1"/>
  <c r="A61" i="9" s="1"/>
  <c r="A62" i="9" s="1"/>
  <c r="A64" i="9" s="1"/>
  <c r="E143" i="2"/>
  <c r="I140" i="34"/>
  <c r="H251" i="2"/>
  <c r="J251" i="2" s="1"/>
  <c r="J79" i="34"/>
  <c r="G81" i="2"/>
  <c r="E140" i="34"/>
  <c r="J140" i="34" s="1"/>
  <c r="J125" i="34"/>
  <c r="I144" i="34"/>
  <c r="I147" i="34" s="1"/>
  <c r="I152" i="34" s="1"/>
  <c r="I202" i="34"/>
  <c r="I167" i="34"/>
  <c r="I151" i="34"/>
  <c r="A31" i="5"/>
  <c r="A33" i="5" s="1"/>
  <c r="E87" i="2"/>
  <c r="G156" i="34"/>
  <c r="G172" i="34" s="1"/>
  <c r="A19" i="34"/>
  <c r="A20" i="34" s="1"/>
  <c r="A21" i="34" s="1"/>
  <c r="A22" i="34" s="1"/>
  <c r="A23" i="34" s="1"/>
  <c r="A24" i="34" s="1"/>
  <c r="A25" i="34" s="1"/>
  <c r="B13" i="34"/>
  <c r="A72" i="6"/>
  <c r="A73" i="6" s="1"/>
  <c r="A74" i="6" s="1"/>
  <c r="A75" i="6" s="1"/>
  <c r="A76" i="6" s="1"/>
  <c r="A77" i="6" s="1"/>
  <c r="A78" i="6" s="1"/>
  <c r="A70" i="6"/>
  <c r="A71" i="6" s="1"/>
  <c r="H42" i="39"/>
  <c r="G233" i="2" s="1"/>
  <c r="G68" i="2"/>
  <c r="E57" i="39"/>
  <c r="G134" i="2"/>
  <c r="C64" i="38"/>
  <c r="L71" i="2" s="1"/>
  <c r="G71" i="2"/>
  <c r="E40" i="6"/>
  <c r="E55" i="6" s="1"/>
  <c r="E29" i="6" s="1"/>
  <c r="I55" i="6"/>
  <c r="I29" i="6" s="1"/>
  <c r="K51" i="11"/>
  <c r="K53" i="11" s="1"/>
  <c r="K55" i="11" s="1"/>
  <c r="K61" i="11"/>
  <c r="K63" i="11" s="1"/>
  <c r="K65" i="11" s="1"/>
  <c r="I20" i="5"/>
  <c r="L86" i="2" s="1"/>
  <c r="G86" i="2"/>
  <c r="G76" i="2"/>
  <c r="E22" i="42"/>
  <c r="I21" i="42"/>
  <c r="K65" i="6"/>
  <c r="I79" i="6"/>
  <c r="I30" i="6" s="1"/>
  <c r="I31" i="6" s="1"/>
  <c r="G105" i="2" s="1"/>
  <c r="I36" i="5"/>
  <c r="L88" i="2" s="1"/>
  <c r="G88" i="2"/>
  <c r="G25" i="41"/>
  <c r="G100" i="2"/>
  <c r="E22" i="41"/>
  <c r="I21" i="41"/>
  <c r="L207" i="2"/>
  <c r="L63" i="2" s="1"/>
  <c r="F101" i="13"/>
  <c r="G26" i="35"/>
  <c r="G24" i="42"/>
  <c r="I21" i="35" l="1"/>
  <c r="G149" i="2"/>
  <c r="G151" i="2" s="1"/>
  <c r="P22" i="13"/>
  <c r="P23" i="13" s="1"/>
  <c r="I207" i="34"/>
  <c r="I210" i="34" s="1"/>
  <c r="I215" i="34" s="1"/>
  <c r="I220" i="34" s="1"/>
  <c r="I236" i="34" s="1"/>
  <c r="I230" i="34"/>
  <c r="I214" i="34"/>
  <c r="I219" i="34" s="1"/>
  <c r="I235" i="34" s="1"/>
  <c r="E144" i="2"/>
  <c r="A67" i="9"/>
  <c r="A68" i="9" s="1"/>
  <c r="A69" i="9" s="1"/>
  <c r="A70" i="9" s="1"/>
  <c r="A72" i="9" s="1"/>
  <c r="E145" i="2" s="1"/>
  <c r="G230" i="34"/>
  <c r="G207" i="34"/>
  <c r="G210" i="34" s="1"/>
  <c r="G215" i="34" s="1"/>
  <c r="G220" i="34" s="1"/>
  <c r="G236" i="34" s="1"/>
  <c r="G214" i="34"/>
  <c r="G219" i="34" s="1"/>
  <c r="G235" i="34" s="1"/>
  <c r="E207" i="34"/>
  <c r="E210" i="34" s="1"/>
  <c r="E215" i="34" s="1"/>
  <c r="E220" i="34" s="1"/>
  <c r="E236" i="34" s="1"/>
  <c r="E214" i="34"/>
  <c r="E230" i="34"/>
  <c r="E147" i="34"/>
  <c r="E152" i="34" s="1"/>
  <c r="J144" i="34"/>
  <c r="J147" i="34" s="1"/>
  <c r="J152" i="34" s="1"/>
  <c r="A57" i="39"/>
  <c r="B57" i="39"/>
  <c r="E223" i="2"/>
  <c r="C60" i="34"/>
  <c r="C65" i="34" s="1"/>
  <c r="J57" i="34"/>
  <c r="J60" i="34" s="1"/>
  <c r="J65" i="34" s="1"/>
  <c r="D36" i="5"/>
  <c r="E88" i="2"/>
  <c r="A34" i="5"/>
  <c r="A35" i="5" s="1"/>
  <c r="A36" i="5" s="1"/>
  <c r="A39" i="5" s="1"/>
  <c r="A41" i="5" s="1"/>
  <c r="G66" i="34"/>
  <c r="G68" i="34" s="1"/>
  <c r="G84" i="34" s="1"/>
  <c r="G87" i="34" s="1"/>
  <c r="J167" i="34"/>
  <c r="J151" i="34"/>
  <c r="H153" i="34"/>
  <c r="H155" i="34" s="1"/>
  <c r="H171" i="34" s="1"/>
  <c r="H174" i="34" s="1"/>
  <c r="E216" i="34"/>
  <c r="E218" i="34"/>
  <c r="E234" i="34" s="1"/>
  <c r="E237" i="34" s="1"/>
  <c r="C51" i="11"/>
  <c r="A28" i="34"/>
  <c r="B79" i="34"/>
  <c r="I153" i="34"/>
  <c r="I155" i="34" s="1"/>
  <c r="I171" i="34" s="1"/>
  <c r="I174" i="34" s="1"/>
  <c r="I156" i="34"/>
  <c r="I172" i="34" s="1"/>
  <c r="J53" i="34"/>
  <c r="J203" i="34" s="1"/>
  <c r="L242" i="2" s="1"/>
  <c r="J252" i="2" s="1"/>
  <c r="C203" i="34"/>
  <c r="E153" i="34"/>
  <c r="E155" i="34" s="1"/>
  <c r="E171" i="34" s="1"/>
  <c r="E174" i="34" s="1"/>
  <c r="F156" i="34"/>
  <c r="F172" i="34" s="1"/>
  <c r="F157" i="34"/>
  <c r="F173" i="34" s="1"/>
  <c r="L251" i="2"/>
  <c r="L254" i="2" s="1"/>
  <c r="D206" i="2"/>
  <c r="D205" i="2"/>
  <c r="J202" i="34"/>
  <c r="J64" i="34"/>
  <c r="J80" i="34"/>
  <c r="C66" i="34"/>
  <c r="C68" i="34" s="1"/>
  <c r="C84" i="34" s="1"/>
  <c r="C87" i="34" s="1"/>
  <c r="B36" i="2"/>
  <c r="B39" i="2" s="1"/>
  <c r="B41" i="2" s="1"/>
  <c r="B21" i="2"/>
  <c r="H214" i="34"/>
  <c r="H219" i="34" s="1"/>
  <c r="H230" i="34"/>
  <c r="H207" i="34"/>
  <c r="H210" i="34" s="1"/>
  <c r="H215" i="34" s="1"/>
  <c r="H220" i="34" s="1"/>
  <c r="H236" i="34" s="1"/>
  <c r="B55" i="39"/>
  <c r="A52" i="11"/>
  <c r="A53" i="11" s="1"/>
  <c r="C53" i="11"/>
  <c r="C230" i="34"/>
  <c r="C207" i="34"/>
  <c r="C214" i="34"/>
  <c r="C219" i="34" s="1"/>
  <c r="G236" i="2"/>
  <c r="H234" i="2" s="1"/>
  <c r="J233" i="2"/>
  <c r="E21" i="13" s="1"/>
  <c r="G91" i="2"/>
  <c r="L209" i="2"/>
  <c r="J213" i="2" s="1"/>
  <c r="L213" i="2" s="1"/>
  <c r="L217" i="2" s="1"/>
  <c r="L219" i="2" s="1"/>
  <c r="G79" i="2"/>
  <c r="J71" i="2"/>
  <c r="G27" i="35"/>
  <c r="L21" i="41"/>
  <c r="K79" i="6"/>
  <c r="K30" i="6" s="1"/>
  <c r="K31" i="6" s="1"/>
  <c r="E65" i="6"/>
  <c r="E79" i="6" s="1"/>
  <c r="E30" i="6" s="1"/>
  <c r="E31" i="6" s="1"/>
  <c r="G107" i="2" s="1"/>
  <c r="L107" i="2" s="1"/>
  <c r="E23" i="42"/>
  <c r="I22" i="42"/>
  <c r="L22" i="42" s="1"/>
  <c r="D102" i="13"/>
  <c r="G101" i="13"/>
  <c r="E23" i="41"/>
  <c r="I22" i="41"/>
  <c r="L22" i="41" s="1"/>
  <c r="H233" i="2"/>
  <c r="H235" i="2"/>
  <c r="L91" i="2"/>
  <c r="G25" i="42"/>
  <c r="G75" i="20"/>
  <c r="J69" i="2"/>
  <c r="H75" i="13"/>
  <c r="L21" i="35"/>
  <c r="E67" i="11"/>
  <c r="E68" i="11" s="1"/>
  <c r="I67" i="11"/>
  <c r="I68" i="11" s="1"/>
  <c r="I69" i="11" s="1"/>
  <c r="K67" i="11"/>
  <c r="K68" i="11" s="1"/>
  <c r="G67" i="11"/>
  <c r="G26" i="41"/>
  <c r="L21" i="42"/>
  <c r="E23" i="35"/>
  <c r="I22" i="35"/>
  <c r="L22" i="35" s="1"/>
  <c r="G57" i="11"/>
  <c r="I57" i="11"/>
  <c r="I58" i="11" s="1"/>
  <c r="I59" i="11" s="1"/>
  <c r="E57" i="11"/>
  <c r="K57" i="11"/>
  <c r="K58" i="11" s="1"/>
  <c r="E21" i="20" l="1"/>
  <c r="J144" i="2"/>
  <c r="L144" i="2" s="1"/>
  <c r="B42" i="2"/>
  <c r="J66" i="34"/>
  <c r="J68" i="34" s="1"/>
  <c r="J84" i="34" s="1"/>
  <c r="J87" i="34" s="1"/>
  <c r="E157" i="34"/>
  <c r="E173" i="34" s="1"/>
  <c r="J230" i="34"/>
  <c r="J214" i="34"/>
  <c r="J219" i="34" s="1"/>
  <c r="G70" i="34"/>
  <c r="G86" i="34" s="1"/>
  <c r="J153" i="34"/>
  <c r="J155" i="34" s="1"/>
  <c r="J171" i="34" s="1"/>
  <c r="J174" i="34" s="1"/>
  <c r="J156" i="34"/>
  <c r="J172" i="34" s="1"/>
  <c r="I157" i="34"/>
  <c r="I173" i="34" s="1"/>
  <c r="J70" i="34"/>
  <c r="J86" i="34" s="1"/>
  <c r="A60" i="39"/>
  <c r="A63" i="39" s="1"/>
  <c r="A64" i="39" s="1"/>
  <c r="A65" i="39" s="1"/>
  <c r="A66" i="39" s="1"/>
  <c r="A68" i="39" s="1"/>
  <c r="D233" i="2"/>
  <c r="C235" i="34"/>
  <c r="A54" i="11"/>
  <c r="A55" i="11" s="1"/>
  <c r="H235" i="34"/>
  <c r="C69" i="34"/>
  <c r="C85" i="34" s="1"/>
  <c r="E89" i="2"/>
  <c r="A42" i="5"/>
  <c r="A43" i="5" s="1"/>
  <c r="A44" i="5" s="1"/>
  <c r="A47" i="5" s="1"/>
  <c r="A49" i="5" s="1"/>
  <c r="D44" i="5"/>
  <c r="C70" i="34"/>
  <c r="C86" i="34" s="1"/>
  <c r="H157" i="34"/>
  <c r="H173" i="34" s="1"/>
  <c r="E219" i="34"/>
  <c r="E235" i="34" s="1"/>
  <c r="J207" i="34"/>
  <c r="C210" i="34"/>
  <c r="C215" i="34" s="1"/>
  <c r="C220" i="34" s="1"/>
  <c r="C236" i="34" s="1"/>
  <c r="E156" i="34"/>
  <c r="E172" i="34" s="1"/>
  <c r="A29" i="34"/>
  <c r="H156" i="34"/>
  <c r="H172" i="34" s="1"/>
  <c r="G69" i="34"/>
  <c r="G85" i="34" s="1"/>
  <c r="J157" i="34"/>
  <c r="J173" i="34" s="1"/>
  <c r="J143" i="2"/>
  <c r="L143" i="2" s="1"/>
  <c r="J134" i="2"/>
  <c r="L134" i="2" s="1"/>
  <c r="J72" i="2"/>
  <c r="L72" i="2" s="1"/>
  <c r="J154" i="2"/>
  <c r="L154" i="2" s="1"/>
  <c r="G82" i="2"/>
  <c r="G48" i="11"/>
  <c r="G27" i="41"/>
  <c r="J101" i="2"/>
  <c r="L101" i="2" s="1"/>
  <c r="E24" i="41"/>
  <c r="I23" i="41"/>
  <c r="E58" i="11"/>
  <c r="M57" i="11"/>
  <c r="G26" i="42"/>
  <c r="L233" i="2"/>
  <c r="H236" i="2"/>
  <c r="D21" i="20"/>
  <c r="F21" i="20" s="1"/>
  <c r="D21" i="13"/>
  <c r="F21" i="13" s="1"/>
  <c r="E24" i="35"/>
  <c r="I23" i="35"/>
  <c r="L23" i="35" s="1"/>
  <c r="E69" i="11"/>
  <c r="E102" i="13"/>
  <c r="F102" i="13" s="1"/>
  <c r="D103" i="13" s="1"/>
  <c r="D23" i="20"/>
  <c r="F23" i="20" s="1"/>
  <c r="D23" i="13"/>
  <c r="F23" i="13" s="1"/>
  <c r="I233" i="2"/>
  <c r="L235" i="2"/>
  <c r="I235" i="2"/>
  <c r="E24" i="42"/>
  <c r="I23" i="42"/>
  <c r="J141" i="2"/>
  <c r="L141" i="2" s="1"/>
  <c r="J66" i="2"/>
  <c r="L66" i="2" s="1"/>
  <c r="J73" i="2"/>
  <c r="L73" i="2" s="1"/>
  <c r="J161" i="2"/>
  <c r="L161" i="2" s="1"/>
  <c r="J156" i="2"/>
  <c r="L156" i="2" s="1"/>
  <c r="J104" i="2"/>
  <c r="L104" i="2" s="1"/>
  <c r="J67" i="2"/>
  <c r="L67" i="2" s="1"/>
  <c r="J146" i="2"/>
  <c r="L146" i="2" s="1"/>
  <c r="J65" i="2"/>
  <c r="L65" i="2" s="1"/>
  <c r="J75" i="2"/>
  <c r="L75" i="2" s="1"/>
  <c r="J155" i="2"/>
  <c r="L155" i="2" s="1"/>
  <c r="J97" i="2"/>
  <c r="L97" i="2" s="1"/>
  <c r="J74" i="2"/>
  <c r="L74" i="2" s="1"/>
  <c r="J102" i="2"/>
  <c r="L102" i="2" s="1"/>
  <c r="L234" i="2"/>
  <c r="D22" i="20"/>
  <c r="F22" i="20" s="1"/>
  <c r="I234" i="2"/>
  <c r="D22" i="13"/>
  <c r="F22" i="13" s="1"/>
  <c r="G108" i="2"/>
  <c r="G28" i="35"/>
  <c r="G112" i="2" l="1"/>
  <c r="C56" i="11"/>
  <c r="A56" i="11"/>
  <c r="G252" i="2"/>
  <c r="J235" i="34"/>
  <c r="J69" i="34"/>
  <c r="J85" i="34" s="1"/>
  <c r="J64" i="2"/>
  <c r="L64" i="2" s="1"/>
  <c r="A30" i="34"/>
  <c r="A31" i="34" s="1"/>
  <c r="L245" i="2"/>
  <c r="L248" i="2" s="1"/>
  <c r="J210" i="34"/>
  <c r="J215" i="34" s="1"/>
  <c r="J220" i="34" s="1"/>
  <c r="A50" i="5"/>
  <c r="A51" i="5" s="1"/>
  <c r="C55" i="11"/>
  <c r="A74" i="39"/>
  <c r="A75" i="39" s="1"/>
  <c r="B50" i="39"/>
  <c r="B43" i="2"/>
  <c r="D305" i="2"/>
  <c r="F24" i="13"/>
  <c r="E29" i="13" s="1"/>
  <c r="H76" i="13"/>
  <c r="H77" i="13" s="1"/>
  <c r="H78" i="13" s="1"/>
  <c r="H79" i="13" s="1"/>
  <c r="D96" i="13" s="1"/>
  <c r="G76" i="20"/>
  <c r="G77" i="20" s="1"/>
  <c r="G78" i="20" s="1"/>
  <c r="G79" i="20" s="1"/>
  <c r="F59" i="13"/>
  <c r="G59" i="20"/>
  <c r="F24" i="20"/>
  <c r="F29" i="20" s="1"/>
  <c r="G51" i="11"/>
  <c r="G61" i="11"/>
  <c r="M48" i="11"/>
  <c r="G102" i="13"/>
  <c r="L68" i="2"/>
  <c r="J68" i="2" s="1"/>
  <c r="L79" i="2"/>
  <c r="L23" i="41"/>
  <c r="L23" i="42"/>
  <c r="E103" i="13"/>
  <c r="F103" i="13" s="1"/>
  <c r="D104" i="13" s="1"/>
  <c r="E25" i="41"/>
  <c r="I24" i="41"/>
  <c r="L24" i="41" s="1"/>
  <c r="G29" i="35"/>
  <c r="L236" i="2"/>
  <c r="E59" i="11"/>
  <c r="L80" i="2"/>
  <c r="G27" i="42"/>
  <c r="L100" i="2"/>
  <c r="L157" i="2"/>
  <c r="L81" i="2"/>
  <c r="L76" i="2"/>
  <c r="E25" i="42"/>
  <c r="I24" i="42"/>
  <c r="L24" i="42" s="1"/>
  <c r="E25" i="35"/>
  <c r="I24" i="35"/>
  <c r="G28" i="41"/>
  <c r="A52" i="5" l="1"/>
  <c r="E90" i="2" s="1"/>
  <c r="A32" i="34"/>
  <c r="B32" i="34"/>
  <c r="L252" i="2"/>
  <c r="H252" i="2"/>
  <c r="A76" i="39"/>
  <c r="B76" i="39"/>
  <c r="E224" i="2"/>
  <c r="J236" i="34"/>
  <c r="G253" i="2"/>
  <c r="C57" i="11"/>
  <c r="A57" i="11"/>
  <c r="B45" i="2"/>
  <c r="B63" i="2" s="1"/>
  <c r="E45" i="2"/>
  <c r="D51" i="5"/>
  <c r="B31" i="34"/>
  <c r="M61" i="11"/>
  <c r="G63" i="11"/>
  <c r="G53" i="11"/>
  <c r="M51" i="11"/>
  <c r="D544" i="20"/>
  <c r="I545" i="20" s="1"/>
  <c r="E548" i="20" s="1"/>
  <c r="F548" i="20" s="1"/>
  <c r="D549" i="20" s="1"/>
  <c r="D187" i="20"/>
  <c r="I188" i="20" s="1"/>
  <c r="E191" i="20" s="1"/>
  <c r="F191" i="20" s="1"/>
  <c r="D192" i="20" s="1"/>
  <c r="E192" i="20" s="1"/>
  <c r="D365" i="20"/>
  <c r="D97" i="20"/>
  <c r="I98" i="20" s="1"/>
  <c r="E101" i="20" s="1"/>
  <c r="F101" i="20" s="1"/>
  <c r="D102" i="20" s="1"/>
  <c r="E102" i="20" s="1"/>
  <c r="D902" i="20"/>
  <c r="I903" i="20" s="1"/>
  <c r="E906" i="20" s="1"/>
  <c r="F906" i="20" s="1"/>
  <c r="D907" i="20" s="1"/>
  <c r="D811" i="20"/>
  <c r="I812" i="20" s="1"/>
  <c r="E815" i="20" s="1"/>
  <c r="F815" i="20" s="1"/>
  <c r="D816" i="20" s="1"/>
  <c r="D722" i="20"/>
  <c r="I723" i="20" s="1"/>
  <c r="E726" i="20" s="1"/>
  <c r="F726" i="20" s="1"/>
  <c r="D727" i="20" s="1"/>
  <c r="D276" i="20"/>
  <c r="I277" i="20" s="1"/>
  <c r="E280" i="20" s="1"/>
  <c r="F280" i="20" s="1"/>
  <c r="D281" i="20" s="1"/>
  <c r="E281" i="20" s="1"/>
  <c r="F281" i="20" s="1"/>
  <c r="D282" i="20" s="1"/>
  <c r="D455" i="20"/>
  <c r="I456" i="20" s="1"/>
  <c r="E459" i="20" s="1"/>
  <c r="F459" i="20" s="1"/>
  <c r="D460" i="20" s="1"/>
  <c r="D633" i="20"/>
  <c r="I634" i="20" s="1"/>
  <c r="E637" i="20" s="1"/>
  <c r="F637" i="20" s="1"/>
  <c r="D638" i="20" s="1"/>
  <c r="E638" i="20" s="1"/>
  <c r="F64" i="13"/>
  <c r="G64" i="20"/>
  <c r="L82" i="2"/>
  <c r="J82" i="2" s="1"/>
  <c r="E460" i="20"/>
  <c r="F460" i="20" s="1"/>
  <c r="D461" i="20" s="1"/>
  <c r="G28" i="42"/>
  <c r="E549" i="20"/>
  <c r="F549" i="20" s="1"/>
  <c r="D550" i="20" s="1"/>
  <c r="E26" i="41"/>
  <c r="I25" i="41"/>
  <c r="L25" i="41" s="1"/>
  <c r="E727" i="20"/>
  <c r="F727" i="20" s="1"/>
  <c r="D728" i="20" s="1"/>
  <c r="J165" i="2"/>
  <c r="L165" i="2" s="1"/>
  <c r="L166" i="2" s="1"/>
  <c r="J142" i="2"/>
  <c r="L142" i="2" s="1"/>
  <c r="L147" i="2" s="1"/>
  <c r="L149" i="2" s="1"/>
  <c r="L151" i="2" s="1"/>
  <c r="J103" i="2"/>
  <c r="L103" i="2" s="1"/>
  <c r="J105" i="2"/>
  <c r="L105" i="2" s="1"/>
  <c r="L24" i="35"/>
  <c r="E26" i="42"/>
  <c r="I25" i="42"/>
  <c r="L25" i="42" s="1"/>
  <c r="G183" i="2"/>
  <c r="E104" i="13"/>
  <c r="G29" i="41"/>
  <c r="E26" i="35"/>
  <c r="I25" i="35"/>
  <c r="L25" i="35" s="1"/>
  <c r="G170" i="2"/>
  <c r="G30" i="35"/>
  <c r="G103" i="13"/>
  <c r="E907" i="20"/>
  <c r="F907" i="20" s="1"/>
  <c r="D908" i="20" s="1"/>
  <c r="L253" i="2" l="1"/>
  <c r="H253" i="2"/>
  <c r="C75" i="13"/>
  <c r="E204" i="2"/>
  <c r="B64" i="2"/>
  <c r="B65" i="2" s="1"/>
  <c r="C75" i="20"/>
  <c r="A34" i="34"/>
  <c r="A58" i="11"/>
  <c r="C58" i="11"/>
  <c r="L108" i="2"/>
  <c r="L112" i="2" s="1"/>
  <c r="L183" i="2" s="1"/>
  <c r="L177" i="2" s="1"/>
  <c r="F192" i="20"/>
  <c r="D193" i="20" s="1"/>
  <c r="M53" i="11"/>
  <c r="G55" i="11"/>
  <c r="G58" i="11" s="1"/>
  <c r="M58" i="11" s="1"/>
  <c r="M63" i="11"/>
  <c r="G65" i="11"/>
  <c r="G68" i="11" s="1"/>
  <c r="M68" i="11" s="1"/>
  <c r="E816" i="20"/>
  <c r="F816" i="20" s="1"/>
  <c r="D817" i="20" s="1"/>
  <c r="E817" i="20" s="1"/>
  <c r="F817" i="20" s="1"/>
  <c r="D818" i="20" s="1"/>
  <c r="C375" i="20"/>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I366" i="20"/>
  <c r="E369" i="20" s="1"/>
  <c r="F369" i="20" s="1"/>
  <c r="D370" i="20" s="1"/>
  <c r="F49" i="13"/>
  <c r="G49" i="20"/>
  <c r="E728" i="20"/>
  <c r="F728" i="20" s="1"/>
  <c r="D729" i="20" s="1"/>
  <c r="E908" i="20"/>
  <c r="F908" i="20" s="1"/>
  <c r="D909" i="20" s="1"/>
  <c r="G31" i="35"/>
  <c r="E27" i="41"/>
  <c r="I26" i="41"/>
  <c r="G30" i="41"/>
  <c r="E370" i="20"/>
  <c r="G29" i="42"/>
  <c r="J176" i="2"/>
  <c r="L176" i="2" s="1"/>
  <c r="L180" i="2" s="1"/>
  <c r="J175" i="2"/>
  <c r="L175" i="2" s="1"/>
  <c r="L179" i="2" s="1"/>
  <c r="J178" i="2"/>
  <c r="L178" i="2" s="1"/>
  <c r="E28" i="13"/>
  <c r="E30" i="13" s="1"/>
  <c r="E461" i="20"/>
  <c r="F461" i="20" s="1"/>
  <c r="D462" i="20" s="1"/>
  <c r="E193" i="20"/>
  <c r="F193" i="20" s="1"/>
  <c r="D194" i="20" s="1"/>
  <c r="G177" i="2"/>
  <c r="G181" i="2" s="1"/>
  <c r="G189" i="2"/>
  <c r="F35" i="20"/>
  <c r="L189" i="2"/>
  <c r="E35" i="13"/>
  <c r="E282" i="20"/>
  <c r="F282" i="20" s="1"/>
  <c r="D283" i="20" s="1"/>
  <c r="E550" i="20"/>
  <c r="F550" i="20" s="1"/>
  <c r="D551" i="20" s="1"/>
  <c r="E27" i="35"/>
  <c r="I26" i="35"/>
  <c r="F102" i="20"/>
  <c r="D103" i="20" s="1"/>
  <c r="F104" i="13"/>
  <c r="E27" i="42"/>
  <c r="I26" i="42"/>
  <c r="L26" i="42" s="1"/>
  <c r="F638" i="20"/>
  <c r="D639" i="20" s="1"/>
  <c r="F28" i="20" l="1"/>
  <c r="F30" i="20" s="1"/>
  <c r="C59" i="11"/>
  <c r="A59" i="11"/>
  <c r="A61" i="11" s="1"/>
  <c r="A62" i="11" s="1"/>
  <c r="A63" i="11" s="1"/>
  <c r="A35" i="34"/>
  <c r="B66" i="2"/>
  <c r="B67" i="2" s="1"/>
  <c r="G191" i="2"/>
  <c r="E818" i="20"/>
  <c r="F818" i="20" s="1"/>
  <c r="D819" i="20" s="1"/>
  <c r="E462" i="20"/>
  <c r="F462" i="20" s="1"/>
  <c r="D463" i="20" s="1"/>
  <c r="E103" i="20"/>
  <c r="F103" i="20" s="1"/>
  <c r="D104" i="20" s="1"/>
  <c r="G56" i="20"/>
  <c r="F34" i="20"/>
  <c r="F36" i="20" s="1"/>
  <c r="G30" i="42"/>
  <c r="E194" i="20"/>
  <c r="F194" i="20" s="1"/>
  <c r="D195" i="20" s="1"/>
  <c r="E37" i="13"/>
  <c r="F37" i="20"/>
  <c r="G31" i="41"/>
  <c r="G32" i="35"/>
  <c r="E28" i="35"/>
  <c r="I27" i="35"/>
  <c r="L27" i="35" s="1"/>
  <c r="E551" i="20"/>
  <c r="F551" i="20" s="1"/>
  <c r="D552" i="20" s="1"/>
  <c r="E283" i="20"/>
  <c r="F38" i="20"/>
  <c r="E38" i="13"/>
  <c r="L26" i="41"/>
  <c r="E909" i="20"/>
  <c r="F909" i="20" s="1"/>
  <c r="D910" i="20" s="1"/>
  <c r="L181" i="2"/>
  <c r="E729" i="20"/>
  <c r="F729" i="20" s="1"/>
  <c r="D730" i="20" s="1"/>
  <c r="E28" i="42"/>
  <c r="I27" i="42"/>
  <c r="L27" i="42" s="1"/>
  <c r="L26" i="35"/>
  <c r="E639" i="20"/>
  <c r="F639" i="20" s="1"/>
  <c r="D640" i="20" s="1"/>
  <c r="D105" i="13"/>
  <c r="G104" i="13"/>
  <c r="E34" i="13"/>
  <c r="E36" i="13" s="1"/>
  <c r="F56" i="13"/>
  <c r="F39" i="20"/>
  <c r="E39" i="13"/>
  <c r="F370" i="20"/>
  <c r="D371" i="20" s="1"/>
  <c r="E28" i="41"/>
  <c r="I27" i="41"/>
  <c r="L27" i="41" s="1"/>
  <c r="A36" i="34" l="1"/>
  <c r="A37" i="34" s="1"/>
  <c r="B37" i="34"/>
  <c r="A64" i="11"/>
  <c r="A65" i="11" s="1"/>
  <c r="B68" i="2"/>
  <c r="B70" i="2" s="1"/>
  <c r="B71" i="2" s="1"/>
  <c r="E68" i="2"/>
  <c r="E910" i="20"/>
  <c r="F910" i="20" s="1"/>
  <c r="D911" i="20" s="1"/>
  <c r="E463" i="20"/>
  <c r="F463" i="20" s="1"/>
  <c r="D464" i="20" s="1"/>
  <c r="E552" i="20"/>
  <c r="F552" i="20" s="1"/>
  <c r="D553" i="20" s="1"/>
  <c r="E730" i="20"/>
  <c r="F730" i="20" s="1"/>
  <c r="D731" i="20" s="1"/>
  <c r="E104" i="20"/>
  <c r="F104" i="20" s="1"/>
  <c r="D105" i="20" s="1"/>
  <c r="E105" i="13"/>
  <c r="F105" i="13" s="1"/>
  <c r="E371" i="20"/>
  <c r="E640" i="20"/>
  <c r="F640" i="20" s="1"/>
  <c r="D641" i="20" s="1"/>
  <c r="E195" i="20"/>
  <c r="F195" i="20" s="1"/>
  <c r="D196" i="20" s="1"/>
  <c r="F40" i="20"/>
  <c r="F50" i="13"/>
  <c r="L191" i="2"/>
  <c r="L13" i="2" s="1"/>
  <c r="E29" i="35"/>
  <c r="I28" i="35"/>
  <c r="E819" i="20"/>
  <c r="F819" i="20" s="1"/>
  <c r="D820" i="20" s="1"/>
  <c r="E29" i="41"/>
  <c r="I28" i="41"/>
  <c r="L28" i="41" s="1"/>
  <c r="G32" i="41"/>
  <c r="G31" i="42"/>
  <c r="E40" i="13"/>
  <c r="F57" i="13" s="1"/>
  <c r="E29" i="42"/>
  <c r="I28" i="42"/>
  <c r="L28" i="42" s="1"/>
  <c r="F283" i="20"/>
  <c r="D284" i="20" s="1"/>
  <c r="G39" i="35"/>
  <c r="G36" i="35"/>
  <c r="B72" i="2" l="1"/>
  <c r="B73" i="2" s="1"/>
  <c r="E79" i="2"/>
  <c r="A66" i="11"/>
  <c r="A67" i="11" s="1"/>
  <c r="C66" i="11"/>
  <c r="C65" i="11"/>
  <c r="A38" i="34"/>
  <c r="B38" i="34"/>
  <c r="D106" i="13"/>
  <c r="E106" i="13" s="1"/>
  <c r="F106" i="13" s="1"/>
  <c r="G105" i="13"/>
  <c r="E553" i="20"/>
  <c r="F553" i="20" s="1"/>
  <c r="D554" i="20" s="1"/>
  <c r="E196" i="20"/>
  <c r="F196" i="20" s="1"/>
  <c r="D197" i="20" s="1"/>
  <c r="E641" i="20"/>
  <c r="F641" i="20" s="1"/>
  <c r="D642" i="20" s="1"/>
  <c r="E731" i="20"/>
  <c r="F731" i="20" s="1"/>
  <c r="D732" i="20" s="1"/>
  <c r="E911" i="20"/>
  <c r="F911" i="20" s="1"/>
  <c r="D912" i="20" s="1"/>
  <c r="G40" i="35"/>
  <c r="F47" i="13"/>
  <c r="F51" i="13" s="1"/>
  <c r="F55" i="13" s="1"/>
  <c r="F58" i="13" s="1"/>
  <c r="G47" i="20"/>
  <c r="L18" i="2"/>
  <c r="L27" i="2"/>
  <c r="L28" i="2" s="1"/>
  <c r="L34" i="2"/>
  <c r="L31" i="2"/>
  <c r="E105" i="20"/>
  <c r="F105" i="20" s="1"/>
  <c r="D106" i="20" s="1"/>
  <c r="E464" i="20"/>
  <c r="F464" i="20" s="1"/>
  <c r="D465" i="20" s="1"/>
  <c r="G36" i="41"/>
  <c r="G39" i="41"/>
  <c r="L28" i="35"/>
  <c r="E30" i="41"/>
  <c r="I29" i="41"/>
  <c r="L29" i="41" s="1"/>
  <c r="E30" i="35"/>
  <c r="I29" i="35"/>
  <c r="L29" i="35" s="1"/>
  <c r="G50" i="20"/>
  <c r="G57" i="20"/>
  <c r="E30" i="42"/>
  <c r="I29" i="42"/>
  <c r="L29" i="42" s="1"/>
  <c r="G32" i="42"/>
  <c r="E820" i="20"/>
  <c r="F820" i="20" s="1"/>
  <c r="D821" i="20" s="1"/>
  <c r="E284" i="20"/>
  <c r="F284" i="20" s="1"/>
  <c r="D285" i="20" s="1"/>
  <c r="F371" i="20"/>
  <c r="D372" i="20" s="1"/>
  <c r="G51" i="20" l="1"/>
  <c r="G55" i="20" s="1"/>
  <c r="A40" i="34"/>
  <c r="C67" i="11"/>
  <c r="A68" i="11"/>
  <c r="C68" i="11"/>
  <c r="B74" i="2"/>
  <c r="B75" i="2" s="1"/>
  <c r="E80" i="2"/>
  <c r="D107" i="13"/>
  <c r="G106" i="13"/>
  <c r="E197" i="20"/>
  <c r="F197" i="20"/>
  <c r="D198" i="20" s="1"/>
  <c r="E106" i="20"/>
  <c r="F106" i="20" s="1"/>
  <c r="D107" i="20" s="1"/>
  <c r="E285" i="20"/>
  <c r="F285" i="20" s="1"/>
  <c r="D286" i="20" s="1"/>
  <c r="E732" i="20"/>
  <c r="F732" i="20"/>
  <c r="D733" i="20" s="1"/>
  <c r="E465" i="20"/>
  <c r="F465" i="20" s="1"/>
  <c r="D466" i="20" s="1"/>
  <c r="F70" i="13"/>
  <c r="J95" i="13" s="1"/>
  <c r="G70" i="20"/>
  <c r="E31" i="41"/>
  <c r="I30" i="41"/>
  <c r="L30" i="41" s="1"/>
  <c r="F60" i="13"/>
  <c r="F68" i="13" s="1"/>
  <c r="F69" i="13" s="1"/>
  <c r="F71" i="13" s="1"/>
  <c r="F65" i="13"/>
  <c r="F66" i="13" s="1"/>
  <c r="E912" i="20"/>
  <c r="F912" i="20"/>
  <c r="D913" i="20" s="1"/>
  <c r="E642" i="20"/>
  <c r="F642" i="20" s="1"/>
  <c r="D643" i="20" s="1"/>
  <c r="E554" i="20"/>
  <c r="F554" i="20" s="1"/>
  <c r="D555" i="20" s="1"/>
  <c r="E821" i="20"/>
  <c r="F821" i="20" s="1"/>
  <c r="D822" i="20" s="1"/>
  <c r="E31" i="42"/>
  <c r="I30" i="42"/>
  <c r="L30" i="42" s="1"/>
  <c r="E31" i="35"/>
  <c r="I30" i="35"/>
  <c r="L30" i="35" s="1"/>
  <c r="G36" i="42"/>
  <c r="G39" i="42"/>
  <c r="G58" i="20"/>
  <c r="G41" i="35"/>
  <c r="E372" i="20"/>
  <c r="F372" i="20" s="1"/>
  <c r="D373" i="20" s="1"/>
  <c r="G40" i="41"/>
  <c r="C69" i="11" l="1"/>
  <c r="A69" i="11"/>
  <c r="B76" i="2"/>
  <c r="B78" i="2" s="1"/>
  <c r="B79" i="2" s="1"/>
  <c r="E81" i="2"/>
  <c r="E76" i="2"/>
  <c r="A41" i="34"/>
  <c r="E643" i="20"/>
  <c r="F643" i="20" s="1"/>
  <c r="D644" i="20" s="1"/>
  <c r="E107" i="20"/>
  <c r="F107" i="20" s="1"/>
  <c r="D108" i="20" s="1"/>
  <c r="G42" i="35"/>
  <c r="E555" i="20"/>
  <c r="F555" i="20" s="1"/>
  <c r="D556" i="20" s="1"/>
  <c r="E466" i="20"/>
  <c r="F466" i="20" s="1"/>
  <c r="D467" i="20" s="1"/>
  <c r="E286" i="20"/>
  <c r="F286" i="20" s="1"/>
  <c r="D287" i="20" s="1"/>
  <c r="E373" i="20"/>
  <c r="F373" i="20" s="1"/>
  <c r="D374" i="20" s="1"/>
  <c r="G60" i="20"/>
  <c r="G68" i="20" s="1"/>
  <c r="G69" i="20" s="1"/>
  <c r="G71" i="20" s="1"/>
  <c r="G65" i="20"/>
  <c r="G66" i="20" s="1"/>
  <c r="E32" i="42"/>
  <c r="I32" i="42" s="1"/>
  <c r="I31" i="42"/>
  <c r="L31" i="42" s="1"/>
  <c r="E32" i="41"/>
  <c r="I32" i="41" s="1"/>
  <c r="I31" i="41"/>
  <c r="L31" i="41" s="1"/>
  <c r="G40" i="42"/>
  <c r="I186" i="20"/>
  <c r="I187" i="20" s="1"/>
  <c r="I454" i="20"/>
  <c r="I455" i="20" s="1"/>
  <c r="I632" i="20"/>
  <c r="I633" i="20" s="1"/>
  <c r="I810" i="20"/>
  <c r="I811" i="20" s="1"/>
  <c r="I721" i="20"/>
  <c r="I722" i="20" s="1"/>
  <c r="I96" i="20"/>
  <c r="I901" i="20"/>
  <c r="I902" i="20" s="1"/>
  <c r="I364" i="20"/>
  <c r="I365" i="20" s="1"/>
  <c r="I543" i="20"/>
  <c r="I544" i="20" s="1"/>
  <c r="I275" i="20"/>
  <c r="I276" i="20" s="1"/>
  <c r="E733" i="20"/>
  <c r="F733" i="20" s="1"/>
  <c r="D734" i="20" s="1"/>
  <c r="E913" i="20"/>
  <c r="F913" i="20" s="1"/>
  <c r="D914" i="20" s="1"/>
  <c r="E198" i="20"/>
  <c r="F198" i="20" s="1"/>
  <c r="D199" i="20" s="1"/>
  <c r="G41" i="41"/>
  <c r="E32" i="35"/>
  <c r="I32" i="35" s="1"/>
  <c r="I31" i="35"/>
  <c r="L31" i="35" s="1"/>
  <c r="E822" i="20"/>
  <c r="F822" i="20" s="1"/>
  <c r="D823" i="20" s="1"/>
  <c r="H104" i="13"/>
  <c r="H103" i="13"/>
  <c r="H102" i="13"/>
  <c r="H101" i="13"/>
  <c r="H105" i="13"/>
  <c r="H106" i="13"/>
  <c r="J96" i="13"/>
  <c r="H100" i="13"/>
  <c r="E107" i="13"/>
  <c r="F107" i="13" s="1"/>
  <c r="D108" i="13" s="1"/>
  <c r="A42" i="34" l="1"/>
  <c r="A43" i="34" s="1"/>
  <c r="B80" i="2"/>
  <c r="B81" i="2" s="1"/>
  <c r="B82" i="2" s="1"/>
  <c r="E82" i="2"/>
  <c r="C64" i="20"/>
  <c r="C64" i="13"/>
  <c r="C48" i="11"/>
  <c r="G107" i="13"/>
  <c r="H107" i="13" s="1"/>
  <c r="E199" i="20"/>
  <c r="F199" i="20" s="1"/>
  <c r="E374" i="20"/>
  <c r="F374" i="20" s="1"/>
  <c r="D375" i="20" s="1"/>
  <c r="E287" i="20"/>
  <c r="F287" i="20" s="1"/>
  <c r="E556" i="20"/>
  <c r="F556" i="20" s="1"/>
  <c r="E914" i="20"/>
  <c r="F914" i="20" s="1"/>
  <c r="E734" i="20"/>
  <c r="F734" i="20" s="1"/>
  <c r="D735" i="20" s="1"/>
  <c r="E823" i="20"/>
  <c r="F823" i="20" s="1"/>
  <c r="E108" i="13"/>
  <c r="F108" i="13" s="1"/>
  <c r="D109" i="13" s="1"/>
  <c r="G550" i="20"/>
  <c r="G730" i="20"/>
  <c r="G820" i="20"/>
  <c r="G459" i="20"/>
  <c r="G729" i="20"/>
  <c r="G553" i="20"/>
  <c r="N535" i="20" s="1"/>
  <c r="G908" i="20"/>
  <c r="G551" i="20"/>
  <c r="G637" i="20"/>
  <c r="G369" i="20"/>
  <c r="G548" i="20"/>
  <c r="G815" i="20"/>
  <c r="G727" i="20"/>
  <c r="G463" i="20"/>
  <c r="G373" i="20"/>
  <c r="G286" i="20"/>
  <c r="G197" i="20"/>
  <c r="G822" i="20"/>
  <c r="G549" i="20"/>
  <c r="G193" i="20"/>
  <c r="G106" i="20"/>
  <c r="G372" i="20"/>
  <c r="G282" i="20"/>
  <c r="G283" i="20"/>
  <c r="G910" i="20"/>
  <c r="G639" i="20"/>
  <c r="G462" i="20"/>
  <c r="G461" i="20"/>
  <c r="G817" i="20"/>
  <c r="G642" i="20"/>
  <c r="N624" i="20" s="1"/>
  <c r="G816" i="20"/>
  <c r="G370" i="20"/>
  <c r="G371" i="20"/>
  <c r="G733" i="20"/>
  <c r="G464" i="20"/>
  <c r="N446" i="20" s="1"/>
  <c r="G726" i="20"/>
  <c r="G907" i="20"/>
  <c r="G105" i="20"/>
  <c r="G281" i="20"/>
  <c r="G280" i="20"/>
  <c r="G192" i="20"/>
  <c r="G196" i="20"/>
  <c r="G554" i="20"/>
  <c r="G731" i="20"/>
  <c r="N713" i="20" s="1"/>
  <c r="I97" i="20"/>
  <c r="G103" i="20"/>
  <c r="G194" i="20"/>
  <c r="G640" i="20"/>
  <c r="G638" i="20"/>
  <c r="G284" i="20"/>
  <c r="G552" i="20"/>
  <c r="G911" i="20"/>
  <c r="N893" i="20" s="1"/>
  <c r="G555" i="20"/>
  <c r="G912" i="20"/>
  <c r="G913" i="20"/>
  <c r="G821" i="20"/>
  <c r="G107" i="20"/>
  <c r="G909" i="20"/>
  <c r="G191" i="20"/>
  <c r="G643" i="20"/>
  <c r="G466" i="20"/>
  <c r="G906" i="20"/>
  <c r="G102" i="20"/>
  <c r="G732" i="20"/>
  <c r="G818" i="20"/>
  <c r="G195" i="20"/>
  <c r="G460" i="20"/>
  <c r="G104" i="20"/>
  <c r="G101" i="20"/>
  <c r="G198" i="20"/>
  <c r="G728" i="20"/>
  <c r="G465" i="20"/>
  <c r="G819" i="20"/>
  <c r="N802" i="20" s="1"/>
  <c r="G285" i="20"/>
  <c r="G641" i="20"/>
  <c r="G41" i="42"/>
  <c r="G43" i="35"/>
  <c r="I101" i="13"/>
  <c r="J101" i="13" s="1"/>
  <c r="I100" i="13"/>
  <c r="I105" i="13"/>
  <c r="J105" i="13" s="1"/>
  <c r="I102" i="13"/>
  <c r="J102" i="13" s="1"/>
  <c r="I103" i="13"/>
  <c r="J103" i="13" s="1"/>
  <c r="I107" i="13"/>
  <c r="J107" i="13" s="1"/>
  <c r="I106" i="13"/>
  <c r="J106" i="13" s="1"/>
  <c r="I104" i="13"/>
  <c r="J104" i="13" s="1"/>
  <c r="L32" i="35"/>
  <c r="L33" i="35" s="1"/>
  <c r="E36" i="35" s="1"/>
  <c r="I33" i="35"/>
  <c r="E108" i="20"/>
  <c r="F108" i="20" s="1"/>
  <c r="E467" i="20"/>
  <c r="F467" i="20" s="1"/>
  <c r="E644" i="20"/>
  <c r="F644" i="20" s="1"/>
  <c r="D645" i="20" s="1"/>
  <c r="G42" i="41"/>
  <c r="L32" i="42"/>
  <c r="L33" i="42" s="1"/>
  <c r="E36" i="42" s="1"/>
  <c r="I33" i="42"/>
  <c r="L32" i="41"/>
  <c r="L33" i="41" s="1"/>
  <c r="E36" i="41" s="1"/>
  <c r="I33" i="41"/>
  <c r="B85" i="2" l="1"/>
  <c r="B86" i="2" s="1"/>
  <c r="B43" i="34"/>
  <c r="A44" i="34"/>
  <c r="B44" i="34"/>
  <c r="D200" i="20"/>
  <c r="G199" i="20"/>
  <c r="N178" i="20" s="1"/>
  <c r="D824" i="20"/>
  <c r="E824" i="20" s="1"/>
  <c r="F824" i="20" s="1"/>
  <c r="G823" i="20"/>
  <c r="D288" i="20"/>
  <c r="E288" i="20" s="1"/>
  <c r="F288" i="20" s="1"/>
  <c r="G287" i="20"/>
  <c r="G108" i="13"/>
  <c r="H108" i="13" s="1"/>
  <c r="D915" i="20"/>
  <c r="G914" i="20"/>
  <c r="D468" i="20"/>
  <c r="G467" i="20"/>
  <c r="D557" i="20"/>
  <c r="G556" i="20"/>
  <c r="D109" i="20"/>
  <c r="G108" i="20"/>
  <c r="G43" i="41"/>
  <c r="J100" i="13"/>
  <c r="E735" i="20"/>
  <c r="F735" i="20" s="1"/>
  <c r="D736" i="20" s="1"/>
  <c r="E375" i="20"/>
  <c r="F375" i="20"/>
  <c r="D376" i="20" s="1"/>
  <c r="E645" i="20"/>
  <c r="F645" i="20" s="1"/>
  <c r="E109" i="13"/>
  <c r="F109" i="13" s="1"/>
  <c r="I36" i="42"/>
  <c r="L36" i="42" s="1"/>
  <c r="G734" i="20"/>
  <c r="G374" i="20"/>
  <c r="E200" i="20"/>
  <c r="F200" i="20"/>
  <c r="I36" i="41"/>
  <c r="L36" i="41" s="1"/>
  <c r="I36" i="35"/>
  <c r="L36" i="35" s="1"/>
  <c r="G42" i="42"/>
  <c r="G44" i="35"/>
  <c r="H196" i="20"/>
  <c r="I196" i="20" s="1"/>
  <c r="H371" i="20"/>
  <c r="I371" i="20" s="1"/>
  <c r="H106" i="20"/>
  <c r="I106" i="20" s="1"/>
  <c r="H103" i="20"/>
  <c r="I103" i="20" s="1"/>
  <c r="H642" i="20"/>
  <c r="H104" i="20"/>
  <c r="I104" i="20" s="1"/>
  <c r="H373" i="20"/>
  <c r="I373" i="20" s="1"/>
  <c r="H726" i="20"/>
  <c r="H821" i="20"/>
  <c r="I821" i="20" s="1"/>
  <c r="H549" i="20"/>
  <c r="I549" i="20" s="1"/>
  <c r="H459" i="20"/>
  <c r="H191" i="20"/>
  <c r="H193" i="20"/>
  <c r="I193" i="20" s="1"/>
  <c r="H906" i="20"/>
  <c r="H369" i="20"/>
  <c r="H729" i="20"/>
  <c r="I729" i="20" s="1"/>
  <c r="H911" i="20"/>
  <c r="H554" i="20"/>
  <c r="I554" i="20" s="1"/>
  <c r="H460" i="20"/>
  <c r="I460" i="20" s="1"/>
  <c r="H731" i="20"/>
  <c r="H817" i="20"/>
  <c r="I817" i="20" s="1"/>
  <c r="H550" i="20"/>
  <c r="I550" i="20" s="1"/>
  <c r="H192" i="20"/>
  <c r="I192" i="20" s="1"/>
  <c r="H910" i="20"/>
  <c r="I910" i="20" s="1"/>
  <c r="H197" i="20"/>
  <c r="I197" i="20" s="1"/>
  <c r="H285" i="20"/>
  <c r="I285" i="20" s="1"/>
  <c r="H464" i="20"/>
  <c r="H819" i="20"/>
  <c r="H730" i="20"/>
  <c r="I730" i="20" s="1"/>
  <c r="H463" i="20"/>
  <c r="I463" i="20" s="1"/>
  <c r="H370" i="20"/>
  <c r="I370" i="20" s="1"/>
  <c r="H907" i="20"/>
  <c r="I907" i="20" s="1"/>
  <c r="H553" i="20"/>
  <c r="H728" i="20"/>
  <c r="I728" i="20" s="1"/>
  <c r="H822" i="20"/>
  <c r="I822" i="20" s="1"/>
  <c r="H912" i="20"/>
  <c r="I912" i="20" s="1"/>
  <c r="H198" i="20"/>
  <c r="I198" i="20" s="1"/>
  <c r="H913" i="20"/>
  <c r="I913" i="20" s="1"/>
  <c r="H284" i="20"/>
  <c r="I284" i="20" s="1"/>
  <c r="H909" i="20"/>
  <c r="I909" i="20" s="1"/>
  <c r="H461" i="20"/>
  <c r="I461" i="20" s="1"/>
  <c r="H552" i="20"/>
  <c r="I552" i="20" s="1"/>
  <c r="H282" i="20"/>
  <c r="I282" i="20" s="1"/>
  <c r="H733" i="20"/>
  <c r="I733" i="20" s="1"/>
  <c r="H372" i="20"/>
  <c r="I372" i="20" s="1"/>
  <c r="H551" i="20"/>
  <c r="I551" i="20" s="1"/>
  <c r="H194" i="20"/>
  <c r="I194" i="20" s="1"/>
  <c r="H640" i="20"/>
  <c r="I640" i="20" s="1"/>
  <c r="H108" i="20"/>
  <c r="H823" i="20"/>
  <c r="H734" i="20"/>
  <c r="H556" i="20"/>
  <c r="H199" i="20"/>
  <c r="H914" i="20"/>
  <c r="I914" i="20" s="1"/>
  <c r="H816" i="20"/>
  <c r="I816" i="20" s="1"/>
  <c r="H105" i="20"/>
  <c r="I105" i="20" s="1"/>
  <c r="H727" i="20"/>
  <c r="I727" i="20" s="1"/>
  <c r="H107" i="20"/>
  <c r="I107" i="20" s="1"/>
  <c r="H280" i="20"/>
  <c r="H283" i="20"/>
  <c r="I283" i="20" s="1"/>
  <c r="H637" i="20"/>
  <c r="H639" i="20"/>
  <c r="I639" i="20" s="1"/>
  <c r="H555" i="20"/>
  <c r="I555" i="20" s="1"/>
  <c r="H732" i="20"/>
  <c r="I732" i="20" s="1"/>
  <c r="H462" i="20"/>
  <c r="I462" i="20" s="1"/>
  <c r="H281" i="20"/>
  <c r="I281" i="20" s="1"/>
  <c r="H374" i="20"/>
  <c r="H820" i="20"/>
  <c r="I820" i="20" s="1"/>
  <c r="H101" i="20"/>
  <c r="H641" i="20"/>
  <c r="I641" i="20" s="1"/>
  <c r="H815" i="20"/>
  <c r="H643" i="20"/>
  <c r="I643" i="20" s="1"/>
  <c r="H638" i="20"/>
  <c r="I638" i="20" s="1"/>
  <c r="H195" i="20"/>
  <c r="I195" i="20" s="1"/>
  <c r="H465" i="20"/>
  <c r="I465" i="20" s="1"/>
  <c r="H102" i="20"/>
  <c r="I102" i="20" s="1"/>
  <c r="H908" i="20"/>
  <c r="I908" i="20" s="1"/>
  <c r="H286" i="20"/>
  <c r="I286" i="20" s="1"/>
  <c r="H287" i="20"/>
  <c r="H818" i="20"/>
  <c r="I818" i="20" s="1"/>
  <c r="H644" i="20"/>
  <c r="H467" i="20"/>
  <c r="H466" i="20"/>
  <c r="I466" i="20" s="1"/>
  <c r="H548" i="20"/>
  <c r="G644" i="20"/>
  <c r="I823" i="20" l="1"/>
  <c r="H375" i="20"/>
  <c r="A46" i="34"/>
  <c r="I287" i="20"/>
  <c r="E91" i="2"/>
  <c r="B87" i="2"/>
  <c r="B88" i="2" s="1"/>
  <c r="B89" i="2" s="1"/>
  <c r="B90" i="2" s="1"/>
  <c r="B91" i="2" s="1"/>
  <c r="I556" i="20"/>
  <c r="I108" i="13"/>
  <c r="J108" i="13" s="1"/>
  <c r="I108" i="20"/>
  <c r="D289" i="20"/>
  <c r="G288" i="20"/>
  <c r="H288" i="20"/>
  <c r="D110" i="13"/>
  <c r="G109" i="13"/>
  <c r="D646" i="20"/>
  <c r="G645" i="20"/>
  <c r="H645" i="20"/>
  <c r="E39" i="35"/>
  <c r="J39" i="35"/>
  <c r="I548" i="20"/>
  <c r="I199" i="20"/>
  <c r="N179" i="20"/>
  <c r="N180" i="20" s="1"/>
  <c r="I906" i="20"/>
  <c r="G45" i="35"/>
  <c r="E39" i="41"/>
  <c r="J39" i="41"/>
  <c r="E39" i="42"/>
  <c r="J39" i="42"/>
  <c r="E736" i="20"/>
  <c r="F736" i="20" s="1"/>
  <c r="I644" i="20"/>
  <c r="I101" i="20"/>
  <c r="I280" i="20"/>
  <c r="I553" i="20"/>
  <c r="N536" i="20"/>
  <c r="N537" i="20" s="1"/>
  <c r="I911" i="20"/>
  <c r="N894" i="20"/>
  <c r="N895" i="20" s="1"/>
  <c r="N625" i="20"/>
  <c r="N626" i="20" s="1"/>
  <c r="I642" i="20"/>
  <c r="D201" i="20"/>
  <c r="G200" i="20"/>
  <c r="D825" i="20"/>
  <c r="G824" i="20"/>
  <c r="E376" i="20"/>
  <c r="F376" i="20" s="1"/>
  <c r="G44" i="41"/>
  <c r="E109" i="20"/>
  <c r="F109" i="20" s="1"/>
  <c r="D110" i="20" s="1"/>
  <c r="E468" i="20"/>
  <c r="F468" i="20" s="1"/>
  <c r="D469" i="20" s="1"/>
  <c r="I467" i="20"/>
  <c r="H735" i="20"/>
  <c r="H200" i="20"/>
  <c r="I734" i="20"/>
  <c r="N803" i="20"/>
  <c r="N804" i="20" s="1"/>
  <c r="I819" i="20"/>
  <c r="I731" i="20"/>
  <c r="N714" i="20"/>
  <c r="N715" i="20" s="1"/>
  <c r="I191" i="20"/>
  <c r="I726" i="20"/>
  <c r="G375" i="20"/>
  <c r="G43" i="42"/>
  <c r="G735" i="20"/>
  <c r="I815" i="20"/>
  <c r="I374" i="20"/>
  <c r="I637" i="20"/>
  <c r="H824" i="20"/>
  <c r="N447" i="20"/>
  <c r="N448" i="20" s="1"/>
  <c r="I464" i="20"/>
  <c r="I369" i="20"/>
  <c r="I459" i="20"/>
  <c r="E557" i="20"/>
  <c r="F557" i="20" s="1"/>
  <c r="E915" i="20"/>
  <c r="F915" i="20" s="1"/>
  <c r="I375" i="20" l="1"/>
  <c r="B93" i="2"/>
  <c r="B95" i="2" s="1"/>
  <c r="B97" i="2" s="1"/>
  <c r="B99" i="2" s="1"/>
  <c r="B100" i="2" s="1"/>
  <c r="A47" i="34"/>
  <c r="I200" i="20"/>
  <c r="I824" i="20"/>
  <c r="H109" i="20"/>
  <c r="G109" i="20"/>
  <c r="D558" i="20"/>
  <c r="H557" i="20"/>
  <c r="G557" i="20"/>
  <c r="D377" i="20"/>
  <c r="H376" i="20"/>
  <c r="G376" i="20"/>
  <c r="D737" i="20"/>
  <c r="G736" i="20"/>
  <c r="H736" i="20"/>
  <c r="D916" i="20"/>
  <c r="H915" i="20"/>
  <c r="J40" i="42"/>
  <c r="J41" i="42" s="1"/>
  <c r="J42" i="42" s="1"/>
  <c r="J43" i="42" s="1"/>
  <c r="J44" i="42" s="1"/>
  <c r="J45" i="42" s="1"/>
  <c r="J46" i="42" s="1"/>
  <c r="J47" i="42" s="1"/>
  <c r="J48" i="42" s="1"/>
  <c r="J49" i="42" s="1"/>
  <c r="J50" i="42" s="1"/>
  <c r="G45" i="41"/>
  <c r="L39" i="42"/>
  <c r="E40" i="42" s="1"/>
  <c r="I39" i="42"/>
  <c r="G46" i="35"/>
  <c r="I288" i="20"/>
  <c r="N268" i="20"/>
  <c r="G44" i="42"/>
  <c r="H468" i="20"/>
  <c r="G468" i="20"/>
  <c r="E110" i="20"/>
  <c r="F110" i="20" s="1"/>
  <c r="E825" i="20"/>
  <c r="F825" i="20" s="1"/>
  <c r="J40" i="41"/>
  <c r="J41" i="41" s="1"/>
  <c r="J42" i="41" s="1"/>
  <c r="J43" i="41" s="1"/>
  <c r="J44" i="41" s="1"/>
  <c r="J45" i="41" s="1"/>
  <c r="J46" i="41" s="1"/>
  <c r="J47" i="41" s="1"/>
  <c r="J48" i="41" s="1"/>
  <c r="J49" i="41" s="1"/>
  <c r="J50" i="41" s="1"/>
  <c r="J40" i="35"/>
  <c r="J41" i="35" s="1"/>
  <c r="J42" i="35" s="1"/>
  <c r="J43" i="35" s="1"/>
  <c r="J44" i="35" s="1"/>
  <c r="J45" i="35" s="1"/>
  <c r="J46" i="35" s="1"/>
  <c r="J47" i="35" s="1"/>
  <c r="J48" i="35" s="1"/>
  <c r="J49" i="35" s="1"/>
  <c r="J50" i="35" s="1"/>
  <c r="N267" i="20"/>
  <c r="E469" i="20"/>
  <c r="F469" i="20" s="1"/>
  <c r="D470" i="20" s="1"/>
  <c r="E201" i="20"/>
  <c r="F201" i="20" s="1"/>
  <c r="E110" i="13"/>
  <c r="F110" i="13" s="1"/>
  <c r="E646" i="20"/>
  <c r="F646" i="20" s="1"/>
  <c r="G915" i="20"/>
  <c r="I109" i="20"/>
  <c r="I735" i="20"/>
  <c r="L39" i="41"/>
  <c r="E40" i="41" s="1"/>
  <c r="I39" i="41"/>
  <c r="L39" i="35"/>
  <c r="E40" i="35" s="1"/>
  <c r="I39" i="35"/>
  <c r="I645" i="20"/>
  <c r="H109" i="13"/>
  <c r="I109" i="13"/>
  <c r="E289" i="20"/>
  <c r="F289" i="20" s="1"/>
  <c r="A48" i="34" l="1"/>
  <c r="A49" i="34" s="1"/>
  <c r="B101" i="2"/>
  <c r="B102" i="2" s="1"/>
  <c r="B103" i="2" s="1"/>
  <c r="B104" i="2" s="1"/>
  <c r="B105" i="2" s="1"/>
  <c r="B106" i="2" s="1"/>
  <c r="B107" i="2" s="1"/>
  <c r="B108" i="2" s="1"/>
  <c r="E108" i="2"/>
  <c r="D290" i="20"/>
  <c r="E290" i="20" s="1"/>
  <c r="F290" i="20" s="1"/>
  <c r="G289" i="20"/>
  <c r="D826" i="20"/>
  <c r="E826" i="20" s="1"/>
  <c r="F826" i="20" s="1"/>
  <c r="G825" i="20"/>
  <c r="H825" i="20"/>
  <c r="D111" i="13"/>
  <c r="E111" i="13" s="1"/>
  <c r="G110" i="13"/>
  <c r="I110" i="13" s="1"/>
  <c r="J53" i="35"/>
  <c r="J55" i="35" s="1"/>
  <c r="J53" i="41"/>
  <c r="J55" i="41" s="1"/>
  <c r="J53" i="42"/>
  <c r="J55" i="42" s="1"/>
  <c r="D647" i="20"/>
  <c r="H646" i="20"/>
  <c r="G646" i="20"/>
  <c r="D202" i="20"/>
  <c r="H201" i="20"/>
  <c r="G201" i="20"/>
  <c r="D111" i="20"/>
  <c r="H110" i="20"/>
  <c r="G110" i="20"/>
  <c r="N88" i="20" s="1"/>
  <c r="E916" i="20"/>
  <c r="F916" i="20" s="1"/>
  <c r="D917" i="20" s="1"/>
  <c r="E377" i="20"/>
  <c r="F377" i="20" s="1"/>
  <c r="D378" i="20" s="1"/>
  <c r="H469" i="20"/>
  <c r="L40" i="41"/>
  <c r="E41" i="41" s="1"/>
  <c r="I40" i="41"/>
  <c r="G469" i="20"/>
  <c r="N269" i="20"/>
  <c r="G46" i="41"/>
  <c r="N356" i="20"/>
  <c r="I557" i="20"/>
  <c r="E470" i="20"/>
  <c r="F470" i="20" s="1"/>
  <c r="D471" i="20" s="1"/>
  <c r="H110" i="13"/>
  <c r="I468" i="20"/>
  <c r="G47" i="35"/>
  <c r="I736" i="20"/>
  <c r="H289" i="20"/>
  <c r="J109" i="13"/>
  <c r="L40" i="35"/>
  <c r="E41" i="35" s="1"/>
  <c r="I40" i="35"/>
  <c r="G45" i="42"/>
  <c r="L40" i="42"/>
  <c r="E41" i="42" s="1"/>
  <c r="I40" i="42"/>
  <c r="I915" i="20"/>
  <c r="E737" i="20"/>
  <c r="F737" i="20" s="1"/>
  <c r="I376" i="20"/>
  <c r="N357" i="20"/>
  <c r="E558" i="20"/>
  <c r="F558" i="20" s="1"/>
  <c r="B110" i="2" l="1"/>
  <c r="D112" i="2"/>
  <c r="J110" i="13"/>
  <c r="A50" i="34"/>
  <c r="B52" i="34"/>
  <c r="B50" i="34"/>
  <c r="B49" i="34"/>
  <c r="M26" i="20"/>
  <c r="G24" i="2" s="1"/>
  <c r="L24" i="2" s="1"/>
  <c r="N358" i="20"/>
  <c r="I825" i="20"/>
  <c r="D559" i="20"/>
  <c r="E559" i="20" s="1"/>
  <c r="F559" i="20" s="1"/>
  <c r="G558" i="20"/>
  <c r="F111" i="13"/>
  <c r="G470" i="20"/>
  <c r="D738" i="20"/>
  <c r="G737" i="20"/>
  <c r="H737" i="20"/>
  <c r="D291" i="20"/>
  <c r="H290" i="20"/>
  <c r="G290" i="20"/>
  <c r="D827" i="20"/>
  <c r="H826" i="20"/>
  <c r="G826" i="20"/>
  <c r="E378" i="20"/>
  <c r="F378" i="20" s="1"/>
  <c r="D379" i="20" s="1"/>
  <c r="L41" i="42"/>
  <c r="E42" i="42" s="1"/>
  <c r="I41" i="42"/>
  <c r="L41" i="35"/>
  <c r="E42" i="35" s="1"/>
  <c r="I41" i="35"/>
  <c r="E471" i="20"/>
  <c r="F471" i="20"/>
  <c r="D472" i="20" s="1"/>
  <c r="L41" i="41"/>
  <c r="E42" i="41" s="1"/>
  <c r="I41" i="41"/>
  <c r="H377" i="20"/>
  <c r="H916" i="20"/>
  <c r="G46" i="42"/>
  <c r="G48" i="35"/>
  <c r="G377" i="20"/>
  <c r="G916" i="20"/>
  <c r="N89" i="20"/>
  <c r="I110" i="20"/>
  <c r="E202" i="20"/>
  <c r="F202" i="20" s="1"/>
  <c r="E647" i="20"/>
  <c r="F647" i="20" s="1"/>
  <c r="D648" i="20" s="1"/>
  <c r="I289" i="20"/>
  <c r="E917" i="20"/>
  <c r="F917" i="20" s="1"/>
  <c r="I201" i="20"/>
  <c r="I646" i="20"/>
  <c r="H558" i="20"/>
  <c r="H470" i="20"/>
  <c r="G47" i="41"/>
  <c r="I469" i="20"/>
  <c r="E111" i="20"/>
  <c r="F111" i="20" s="1"/>
  <c r="D112" i="20" s="1"/>
  <c r="D918" i="20" l="1"/>
  <c r="G917" i="20"/>
  <c r="H917" i="20"/>
  <c r="I917" i="20" s="1"/>
  <c r="A52" i="34"/>
  <c r="B53" i="34"/>
  <c r="B112" i="2"/>
  <c r="D301" i="2"/>
  <c r="D112" i="13"/>
  <c r="G111" i="13"/>
  <c r="D203" i="20"/>
  <c r="G202" i="20"/>
  <c r="H202" i="20"/>
  <c r="D560" i="20"/>
  <c r="H559" i="20"/>
  <c r="G559" i="20"/>
  <c r="E112" i="20"/>
  <c r="F112" i="20" s="1"/>
  <c r="I377" i="20"/>
  <c r="E472" i="20"/>
  <c r="F472" i="20" s="1"/>
  <c r="E379" i="20"/>
  <c r="F379" i="20" s="1"/>
  <c r="E827" i="20"/>
  <c r="F827" i="20" s="1"/>
  <c r="H111" i="20"/>
  <c r="H378" i="20"/>
  <c r="I737" i="20"/>
  <c r="G111" i="20"/>
  <c r="G48" i="41"/>
  <c r="E918" i="20"/>
  <c r="F918" i="20" s="1"/>
  <c r="G647" i="20"/>
  <c r="G49" i="35"/>
  <c r="G47" i="42"/>
  <c r="L42" i="41"/>
  <c r="E43" i="41" s="1"/>
  <c r="I42" i="41"/>
  <c r="H471" i="20"/>
  <c r="G378" i="20"/>
  <c r="I290" i="20"/>
  <c r="I470" i="20"/>
  <c r="E648" i="20"/>
  <c r="F648" i="20" s="1"/>
  <c r="H647" i="20"/>
  <c r="L42" i="42"/>
  <c r="E43" i="42" s="1"/>
  <c r="I42" i="42"/>
  <c r="I558" i="20"/>
  <c r="N90" i="20"/>
  <c r="N26" i="20"/>
  <c r="O26" i="20" s="1"/>
  <c r="L36" i="2" s="1"/>
  <c r="I916" i="20"/>
  <c r="G471" i="20"/>
  <c r="L42" i="35"/>
  <c r="E43" i="35" s="1"/>
  <c r="I42" i="35"/>
  <c r="I826" i="20"/>
  <c r="E291" i="20"/>
  <c r="F291" i="20" s="1"/>
  <c r="E738" i="20"/>
  <c r="F738" i="20" s="1"/>
  <c r="C28" i="13" l="1"/>
  <c r="C28" i="20"/>
  <c r="B127" i="2"/>
  <c r="A53" i="34"/>
  <c r="B64" i="34"/>
  <c r="B57" i="34"/>
  <c r="D739" i="20"/>
  <c r="H738" i="20"/>
  <c r="G738" i="20"/>
  <c r="D292" i="20"/>
  <c r="E292" i="20" s="1"/>
  <c r="F292" i="20" s="1"/>
  <c r="D293" i="20" s="1"/>
  <c r="H291" i="20"/>
  <c r="G291" i="20"/>
  <c r="H111" i="13"/>
  <c r="I111" i="13"/>
  <c r="J111" i="13" s="1"/>
  <c r="E112" i="13"/>
  <c r="F112" i="13" s="1"/>
  <c r="D828" i="20"/>
  <c r="G827" i="20"/>
  <c r="H827" i="20"/>
  <c r="D649" i="20"/>
  <c r="G648" i="20"/>
  <c r="H648" i="20"/>
  <c r="D113" i="20"/>
  <c r="G112" i="20"/>
  <c r="H112" i="20"/>
  <c r="D380" i="20"/>
  <c r="G379" i="20"/>
  <c r="H379" i="20"/>
  <c r="D919" i="20"/>
  <c r="G918" i="20"/>
  <c r="H918" i="20"/>
  <c r="D473" i="20"/>
  <c r="G472" i="20"/>
  <c r="H472" i="20"/>
  <c r="G48" i="42"/>
  <c r="I202" i="20"/>
  <c r="I471" i="20"/>
  <c r="I111" i="20"/>
  <c r="L43" i="42"/>
  <c r="E44" i="42" s="1"/>
  <c r="I43" i="42"/>
  <c r="G49" i="41"/>
  <c r="E560" i="20"/>
  <c r="F560" i="20" s="1"/>
  <c r="E203" i="20"/>
  <c r="F203" i="20" s="1"/>
  <c r="I559" i="20"/>
  <c r="E739" i="20"/>
  <c r="F739" i="20" s="1"/>
  <c r="L43" i="35"/>
  <c r="E44" i="35" s="1"/>
  <c r="I43" i="35"/>
  <c r="I647" i="20"/>
  <c r="L43" i="41"/>
  <c r="E44" i="41" s="1"/>
  <c r="I43" i="41"/>
  <c r="G50" i="35"/>
  <c r="I378" i="20"/>
  <c r="I648" i="20" l="1"/>
  <c r="B128" i="2"/>
  <c r="B129" i="2" s="1"/>
  <c r="I291" i="20"/>
  <c r="B203" i="34"/>
  <c r="B80" i="34"/>
  <c r="A56" i="34"/>
  <c r="I738" i="20"/>
  <c r="I379" i="20"/>
  <c r="D113" i="13"/>
  <c r="G112" i="13"/>
  <c r="D740" i="20"/>
  <c r="H739" i="20"/>
  <c r="G739" i="20"/>
  <c r="D204" i="20"/>
  <c r="H203" i="20"/>
  <c r="G203" i="20"/>
  <c r="D561" i="20"/>
  <c r="H560" i="20"/>
  <c r="G560" i="20"/>
  <c r="E293" i="20"/>
  <c r="F293" i="20" s="1"/>
  <c r="E649" i="20"/>
  <c r="F649" i="20" s="1"/>
  <c r="D650" i="20" s="1"/>
  <c r="H292" i="20"/>
  <c r="I472" i="20"/>
  <c r="E113" i="20"/>
  <c r="F113" i="20" s="1"/>
  <c r="D114" i="20" s="1"/>
  <c r="L44" i="41"/>
  <c r="E45" i="41" s="1"/>
  <c r="I44" i="41"/>
  <c r="G292" i="20"/>
  <c r="E380" i="20"/>
  <c r="F380" i="20" s="1"/>
  <c r="D381" i="20" s="1"/>
  <c r="L44" i="35"/>
  <c r="E45" i="35" s="1"/>
  <c r="I44" i="35"/>
  <c r="G50" i="41"/>
  <c r="G49" i="42"/>
  <c r="I918" i="20"/>
  <c r="I827" i="20"/>
  <c r="L44" i="42"/>
  <c r="E45" i="42" s="1"/>
  <c r="I44" i="42"/>
  <c r="E473" i="20"/>
  <c r="F473" i="20" s="1"/>
  <c r="E919" i="20"/>
  <c r="F919" i="20" s="1"/>
  <c r="I112" i="20"/>
  <c r="E828" i="20"/>
  <c r="F828" i="20" s="1"/>
  <c r="A57" i="34" l="1"/>
  <c r="A58" i="34" s="1"/>
  <c r="B130" i="2"/>
  <c r="B131" i="2" s="1"/>
  <c r="E130" i="2"/>
  <c r="E113" i="13"/>
  <c r="F113" i="13" s="1"/>
  <c r="G380" i="20"/>
  <c r="G649" i="20"/>
  <c r="I112" i="13"/>
  <c r="H112" i="13"/>
  <c r="D829" i="20"/>
  <c r="H828" i="20"/>
  <c r="G828" i="20"/>
  <c r="D920" i="20"/>
  <c r="G919" i="20"/>
  <c r="H919" i="20"/>
  <c r="D294" i="20"/>
  <c r="G293" i="20"/>
  <c r="H293" i="20"/>
  <c r="D474" i="20"/>
  <c r="G473" i="20"/>
  <c r="H473" i="20"/>
  <c r="L45" i="42"/>
  <c r="E46" i="42" s="1"/>
  <c r="I45" i="42"/>
  <c r="E204" i="20"/>
  <c r="F204" i="20" s="1"/>
  <c r="E381" i="20"/>
  <c r="F381" i="20" s="1"/>
  <c r="E650" i="20"/>
  <c r="F650" i="20" s="1"/>
  <c r="E561" i="20"/>
  <c r="F561" i="20" s="1"/>
  <c r="G50" i="42"/>
  <c r="L45" i="35"/>
  <c r="E46" i="35" s="1"/>
  <c r="I45" i="35"/>
  <c r="H113" i="20"/>
  <c r="I292" i="20"/>
  <c r="I739" i="20"/>
  <c r="E114" i="20"/>
  <c r="F114" i="20" s="1"/>
  <c r="I560" i="20"/>
  <c r="L45" i="41"/>
  <c r="E46" i="41" s="1"/>
  <c r="I45" i="41"/>
  <c r="H380" i="20"/>
  <c r="I380" i="20" s="1"/>
  <c r="G113" i="20"/>
  <c r="H649" i="20"/>
  <c r="I203" i="20"/>
  <c r="E740" i="20"/>
  <c r="F740" i="20" s="1"/>
  <c r="I293" i="20" l="1"/>
  <c r="E41" i="2"/>
  <c r="B132" i="2"/>
  <c r="D296" i="2"/>
  <c r="A59" i="34"/>
  <c r="J112" i="13"/>
  <c r="D114" i="13"/>
  <c r="G113" i="13"/>
  <c r="D562" i="20"/>
  <c r="H561" i="20"/>
  <c r="G561" i="20"/>
  <c r="D741" i="20"/>
  <c r="H740" i="20"/>
  <c r="G740" i="20"/>
  <c r="D115" i="20"/>
  <c r="G114" i="20"/>
  <c r="H114" i="20"/>
  <c r="D651" i="20"/>
  <c r="G650" i="20"/>
  <c r="H650" i="20"/>
  <c r="D382" i="20"/>
  <c r="H381" i="20"/>
  <c r="G381" i="20"/>
  <c r="D205" i="20"/>
  <c r="G204" i="20"/>
  <c r="H204" i="20"/>
  <c r="I919" i="20"/>
  <c r="L46" i="42"/>
  <c r="E47" i="42" s="1"/>
  <c r="I46" i="42"/>
  <c r="I473" i="20"/>
  <c r="E920" i="20"/>
  <c r="F920" i="20" s="1"/>
  <c r="D921" i="20" s="1"/>
  <c r="I828" i="20"/>
  <c r="E474" i="20"/>
  <c r="F474" i="20" s="1"/>
  <c r="L46" i="35"/>
  <c r="E47" i="35" s="1"/>
  <c r="I46" i="35"/>
  <c r="I649" i="20"/>
  <c r="L46" i="41"/>
  <c r="E47" i="41" s="1"/>
  <c r="I46" i="41"/>
  <c r="I113" i="20"/>
  <c r="E294" i="20"/>
  <c r="F294" i="20" s="1"/>
  <c r="E829" i="20"/>
  <c r="F829" i="20" s="1"/>
  <c r="I204" i="20" l="1"/>
  <c r="B133" i="2"/>
  <c r="E134" i="2" s="1"/>
  <c r="A60" i="34"/>
  <c r="D295" i="20"/>
  <c r="E295" i="20" s="1"/>
  <c r="F295" i="20" s="1"/>
  <c r="D296" i="20" s="1"/>
  <c r="G294" i="20"/>
  <c r="D475" i="20"/>
  <c r="G474" i="20"/>
  <c r="H474" i="20"/>
  <c r="I474" i="20" s="1"/>
  <c r="E114" i="13"/>
  <c r="F114" i="13" s="1"/>
  <c r="H294" i="20"/>
  <c r="I294" i="20" s="1"/>
  <c r="I650" i="20"/>
  <c r="H113" i="13"/>
  <c r="I113" i="13"/>
  <c r="D830" i="20"/>
  <c r="G829" i="20"/>
  <c r="H829" i="20"/>
  <c r="E921" i="20"/>
  <c r="F921" i="20" s="1"/>
  <c r="E115" i="20"/>
  <c r="F115" i="20" s="1"/>
  <c r="D116" i="20" s="1"/>
  <c r="E475" i="20"/>
  <c r="F475" i="20" s="1"/>
  <c r="H920" i="20"/>
  <c r="I381" i="20"/>
  <c r="E651" i="20"/>
  <c r="F651" i="20"/>
  <c r="D652" i="20" s="1"/>
  <c r="I561" i="20"/>
  <c r="L47" i="35"/>
  <c r="E48" i="35" s="1"/>
  <c r="I47" i="35"/>
  <c r="E205" i="20"/>
  <c r="F205" i="20" s="1"/>
  <c r="E741" i="20"/>
  <c r="F741" i="20" s="1"/>
  <c r="L47" i="41"/>
  <c r="E48" i="41" s="1"/>
  <c r="I47" i="41"/>
  <c r="G920" i="20"/>
  <c r="L47" i="42"/>
  <c r="E48" i="42" s="1"/>
  <c r="I47" i="42"/>
  <c r="E382" i="20"/>
  <c r="F382" i="20"/>
  <c r="D383" i="20" s="1"/>
  <c r="I114" i="20"/>
  <c r="I740" i="20"/>
  <c r="E562" i="20"/>
  <c r="F562" i="20"/>
  <c r="D563" i="20" s="1"/>
  <c r="A63" i="34" l="1"/>
  <c r="B65" i="34"/>
  <c r="J113" i="13"/>
  <c r="B134" i="2"/>
  <c r="D298" i="2"/>
  <c r="G295" i="20"/>
  <c r="D922" i="20"/>
  <c r="E922" i="20" s="1"/>
  <c r="G921" i="20"/>
  <c r="D115" i="13"/>
  <c r="G114" i="13"/>
  <c r="D206" i="20"/>
  <c r="G205" i="20"/>
  <c r="H382" i="20"/>
  <c r="G382" i="20"/>
  <c r="G115" i="20"/>
  <c r="D476" i="20"/>
  <c r="G475" i="20"/>
  <c r="H475" i="20"/>
  <c r="D742" i="20"/>
  <c r="H741" i="20"/>
  <c r="G741" i="20"/>
  <c r="L48" i="35"/>
  <c r="E49" i="35" s="1"/>
  <c r="I48" i="35"/>
  <c r="L48" i="42"/>
  <c r="E49" i="42" s="1"/>
  <c r="I48" i="42"/>
  <c r="E296" i="20"/>
  <c r="F296" i="20" s="1"/>
  <c r="H562" i="20"/>
  <c r="E383" i="20"/>
  <c r="F383" i="20" s="1"/>
  <c r="H651" i="20"/>
  <c r="E563" i="20"/>
  <c r="F563" i="20" s="1"/>
  <c r="L48" i="41"/>
  <c r="E49" i="41" s="1"/>
  <c r="I48" i="41"/>
  <c r="E652" i="20"/>
  <c r="F652" i="20"/>
  <c r="D653" i="20" s="1"/>
  <c r="E206" i="20"/>
  <c r="E116" i="20"/>
  <c r="F116" i="20" s="1"/>
  <c r="E830" i="20"/>
  <c r="F830" i="20" s="1"/>
  <c r="G562" i="20"/>
  <c r="H205" i="20"/>
  <c r="G651" i="20"/>
  <c r="I920" i="20"/>
  <c r="H295" i="20"/>
  <c r="H115" i="20"/>
  <c r="H921" i="20"/>
  <c r="I921" i="20" s="1"/>
  <c r="I829" i="20"/>
  <c r="D117" i="20" l="1"/>
  <c r="G116" i="20"/>
  <c r="B136" i="2"/>
  <c r="E100" i="2"/>
  <c r="D295" i="2"/>
  <c r="F206" i="20"/>
  <c r="D207" i="20" s="1"/>
  <c r="E207" i="20" s="1"/>
  <c r="I205" i="20"/>
  <c r="A64" i="34"/>
  <c r="F922" i="20"/>
  <c r="D923" i="20" s="1"/>
  <c r="E923" i="20" s="1"/>
  <c r="F923" i="20" s="1"/>
  <c r="I295" i="20"/>
  <c r="D384" i="20"/>
  <c r="E384" i="20" s="1"/>
  <c r="F384" i="20" s="1"/>
  <c r="G383" i="20"/>
  <c r="H114" i="13"/>
  <c r="I114" i="13"/>
  <c r="E115" i="13"/>
  <c r="F115" i="13" s="1"/>
  <c r="D116" i="13" s="1"/>
  <c r="H652" i="20"/>
  <c r="G652" i="20"/>
  <c r="I382" i="20"/>
  <c r="D831" i="20"/>
  <c r="H830" i="20"/>
  <c r="G830" i="20"/>
  <c r="D564" i="20"/>
  <c r="G563" i="20"/>
  <c r="H563" i="20"/>
  <c r="D297" i="20"/>
  <c r="H296" i="20"/>
  <c r="G296" i="20"/>
  <c r="I115" i="20"/>
  <c r="E117" i="20"/>
  <c r="F117" i="20" s="1"/>
  <c r="I741" i="20"/>
  <c r="E653" i="20"/>
  <c r="F653" i="20" s="1"/>
  <c r="I651" i="20"/>
  <c r="E742" i="20"/>
  <c r="F742" i="20" s="1"/>
  <c r="L49" i="41"/>
  <c r="E50" i="41" s="1"/>
  <c r="I49" i="41"/>
  <c r="L49" i="42"/>
  <c r="E50" i="42" s="1"/>
  <c r="I49" i="42"/>
  <c r="E476" i="20"/>
  <c r="F476" i="20" s="1"/>
  <c r="D477" i="20" s="1"/>
  <c r="H116" i="20"/>
  <c r="I116" i="20" s="1"/>
  <c r="H383" i="20"/>
  <c r="I562" i="20"/>
  <c r="L49" i="35"/>
  <c r="E50" i="35" s="1"/>
  <c r="I49" i="35"/>
  <c r="I475" i="20"/>
  <c r="G206" i="20" l="1"/>
  <c r="F207" i="20"/>
  <c r="D208" i="20" s="1"/>
  <c r="E208" i="20" s="1"/>
  <c r="F208" i="20" s="1"/>
  <c r="D209" i="20" s="1"/>
  <c r="A65" i="34"/>
  <c r="B137" i="2"/>
  <c r="H206" i="20"/>
  <c r="H922" i="20"/>
  <c r="G922" i="20"/>
  <c r="I922" i="20" s="1"/>
  <c r="J114" i="13"/>
  <c r="D924" i="20"/>
  <c r="G923" i="20"/>
  <c r="D118" i="20"/>
  <c r="E118" i="20" s="1"/>
  <c r="F118" i="20" s="1"/>
  <c r="G117" i="20"/>
  <c r="I383" i="20"/>
  <c r="E116" i="13"/>
  <c r="F116" i="13" s="1"/>
  <c r="D117" i="13" s="1"/>
  <c r="H476" i="20"/>
  <c r="H207" i="20"/>
  <c r="G476" i="20"/>
  <c r="G207" i="20"/>
  <c r="I563" i="20"/>
  <c r="I652" i="20"/>
  <c r="G115" i="13"/>
  <c r="D385" i="20"/>
  <c r="H384" i="20"/>
  <c r="G384" i="20"/>
  <c r="D743" i="20"/>
  <c r="H742" i="20"/>
  <c r="G742" i="20"/>
  <c r="D654" i="20"/>
  <c r="G653" i="20"/>
  <c r="H653" i="20"/>
  <c r="L50" i="35"/>
  <c r="I50" i="35"/>
  <c r="I51" i="35" s="1"/>
  <c r="L50" i="42"/>
  <c r="I50" i="42"/>
  <c r="I51" i="42" s="1"/>
  <c r="E924" i="20"/>
  <c r="F924" i="20" s="1"/>
  <c r="E477" i="20"/>
  <c r="F477" i="20" s="1"/>
  <c r="D478" i="20" s="1"/>
  <c r="I296" i="20"/>
  <c r="I830" i="20"/>
  <c r="E564" i="20"/>
  <c r="F564" i="20" s="1"/>
  <c r="I206" i="20"/>
  <c r="L50" i="41"/>
  <c r="I50" i="41"/>
  <c r="I51" i="41" s="1"/>
  <c r="H923" i="20"/>
  <c r="H117" i="20"/>
  <c r="E297" i="20"/>
  <c r="F297" i="20"/>
  <c r="D298" i="20" s="1"/>
  <c r="E831" i="20"/>
  <c r="F831" i="20" s="1"/>
  <c r="A66" i="34" l="1"/>
  <c r="B70" i="34"/>
  <c r="B138" i="2"/>
  <c r="B139" i="2" s="1"/>
  <c r="B140" i="2" s="1"/>
  <c r="B141" i="2" s="1"/>
  <c r="E142" i="2"/>
  <c r="I117" i="20"/>
  <c r="I207" i="20"/>
  <c r="G297" i="20"/>
  <c r="I476" i="20"/>
  <c r="D832" i="20"/>
  <c r="E832" i="20" s="1"/>
  <c r="F832" i="20" s="1"/>
  <c r="G831" i="20"/>
  <c r="E117" i="13"/>
  <c r="F117" i="13" s="1"/>
  <c r="I923" i="20"/>
  <c r="I115" i="13"/>
  <c r="H115" i="13"/>
  <c r="G116" i="13"/>
  <c r="D119" i="20"/>
  <c r="G118" i="20"/>
  <c r="H118" i="20"/>
  <c r="D565" i="20"/>
  <c r="H564" i="20"/>
  <c r="G564" i="20"/>
  <c r="D925" i="20"/>
  <c r="G924" i="20"/>
  <c r="H924" i="20"/>
  <c r="E209" i="20"/>
  <c r="F209" i="20" s="1"/>
  <c r="E743" i="20"/>
  <c r="F743" i="20" s="1"/>
  <c r="E298" i="20"/>
  <c r="F298" i="20" s="1"/>
  <c r="H477" i="20"/>
  <c r="G208" i="20"/>
  <c r="G477" i="20"/>
  <c r="I384" i="20"/>
  <c r="E478" i="20"/>
  <c r="F478" i="20" s="1"/>
  <c r="H208" i="20"/>
  <c r="E654" i="20"/>
  <c r="F654" i="20" s="1"/>
  <c r="D655" i="20" s="1"/>
  <c r="H831" i="20"/>
  <c r="H297" i="20"/>
  <c r="I297" i="20" s="1"/>
  <c r="I653" i="20"/>
  <c r="I742" i="20"/>
  <c r="E385" i="20"/>
  <c r="F385" i="20" s="1"/>
  <c r="D386" i="20" s="1"/>
  <c r="D299" i="20" l="1"/>
  <c r="G298" i="20"/>
  <c r="D118" i="13"/>
  <c r="E118" i="13" s="1"/>
  <c r="F118" i="13" s="1"/>
  <c r="G117" i="13"/>
  <c r="I117" i="13" s="1"/>
  <c r="D210" i="20"/>
  <c r="G209" i="20"/>
  <c r="B142" i="2"/>
  <c r="B143" i="2" s="1"/>
  <c r="B144" i="2" s="1"/>
  <c r="B145" i="2" s="1"/>
  <c r="B146" i="2" s="1"/>
  <c r="B147" i="2" s="1"/>
  <c r="E147" i="2"/>
  <c r="A68" i="34"/>
  <c r="B68" i="34"/>
  <c r="B69" i="34"/>
  <c r="I118" i="20"/>
  <c r="E141" i="2"/>
  <c r="G654" i="20"/>
  <c r="I831" i="20"/>
  <c r="I116" i="13"/>
  <c r="J116" i="13" s="1"/>
  <c r="H116" i="13"/>
  <c r="J115" i="13"/>
  <c r="D479" i="20"/>
  <c r="H478" i="20"/>
  <c r="G478" i="20"/>
  <c r="D833" i="20"/>
  <c r="H832" i="20"/>
  <c r="G832" i="20"/>
  <c r="D744" i="20"/>
  <c r="H743" i="20"/>
  <c r="G743" i="20"/>
  <c r="H385" i="20"/>
  <c r="E655" i="20"/>
  <c r="F655" i="20" s="1"/>
  <c r="E210" i="20"/>
  <c r="F210" i="20" s="1"/>
  <c r="D211" i="20" s="1"/>
  <c r="E925" i="20"/>
  <c r="F925" i="20" s="1"/>
  <c r="D926" i="20" s="1"/>
  <c r="G385" i="20"/>
  <c r="I477" i="20"/>
  <c r="E386" i="20"/>
  <c r="F386" i="20" s="1"/>
  <c r="D387" i="20" s="1"/>
  <c r="E565" i="20"/>
  <c r="F565" i="20" s="1"/>
  <c r="E299" i="20"/>
  <c r="F299" i="20" s="1"/>
  <c r="H654" i="20"/>
  <c r="I208" i="20"/>
  <c r="H298" i="20"/>
  <c r="I298" i="20" s="1"/>
  <c r="H209" i="20"/>
  <c r="I209" i="20" s="1"/>
  <c r="I924" i="20"/>
  <c r="I564" i="20"/>
  <c r="E119" i="20"/>
  <c r="F119" i="20" s="1"/>
  <c r="H117" i="13" l="1"/>
  <c r="D299" i="2"/>
  <c r="B149" i="2"/>
  <c r="E149" i="2"/>
  <c r="A69" i="34"/>
  <c r="I832" i="20"/>
  <c r="I654" i="20"/>
  <c r="D300" i="20"/>
  <c r="E300" i="20" s="1"/>
  <c r="F300" i="20" s="1"/>
  <c r="H299" i="20"/>
  <c r="G299" i="20"/>
  <c r="D119" i="13"/>
  <c r="G118" i="13"/>
  <c r="G386" i="20"/>
  <c r="J117" i="13"/>
  <c r="D656" i="20"/>
  <c r="G655" i="20"/>
  <c r="H655" i="20"/>
  <c r="D120" i="20"/>
  <c r="G119" i="20"/>
  <c r="H119" i="20"/>
  <c r="D566" i="20"/>
  <c r="H565" i="20"/>
  <c r="G565" i="20"/>
  <c r="E211" i="20"/>
  <c r="F211" i="20" s="1"/>
  <c r="H925" i="20"/>
  <c r="I743" i="20"/>
  <c r="G925" i="20"/>
  <c r="G210" i="20"/>
  <c r="E744" i="20"/>
  <c r="F744" i="20" s="1"/>
  <c r="E926" i="20"/>
  <c r="F926" i="20" s="1"/>
  <c r="E479" i="20"/>
  <c r="F479" i="20" s="1"/>
  <c r="E387" i="20"/>
  <c r="F387" i="20" s="1"/>
  <c r="H210" i="20"/>
  <c r="I385" i="20"/>
  <c r="E833" i="20"/>
  <c r="F833" i="20" s="1"/>
  <c r="H386" i="20"/>
  <c r="I478" i="20"/>
  <c r="A70" i="34" l="1"/>
  <c r="I210" i="20"/>
  <c r="E151" i="2"/>
  <c r="B150" i="2"/>
  <c r="I386" i="20"/>
  <c r="I119" i="20"/>
  <c r="E119" i="13"/>
  <c r="F119" i="13" s="1"/>
  <c r="I925" i="20"/>
  <c r="I299" i="20"/>
  <c r="I655" i="20"/>
  <c r="I118" i="13"/>
  <c r="H118" i="13"/>
  <c r="D834" i="20"/>
  <c r="H833" i="20"/>
  <c r="G833" i="20"/>
  <c r="D480" i="20"/>
  <c r="G479" i="20"/>
  <c r="H479" i="20"/>
  <c r="D212" i="20"/>
  <c r="G211" i="20"/>
  <c r="H211" i="20"/>
  <c r="D927" i="20"/>
  <c r="G926" i="20"/>
  <c r="H926" i="20"/>
  <c r="D301" i="20"/>
  <c r="H300" i="20"/>
  <c r="G300" i="20"/>
  <c r="D745" i="20"/>
  <c r="G744" i="20"/>
  <c r="H744" i="20"/>
  <c r="D388" i="20"/>
  <c r="G387" i="20"/>
  <c r="H387" i="20"/>
  <c r="E120" i="20"/>
  <c r="F120" i="20" s="1"/>
  <c r="I565" i="20"/>
  <c r="E566" i="20"/>
  <c r="F566" i="20" s="1"/>
  <c r="E656" i="20"/>
  <c r="F656" i="20" s="1"/>
  <c r="A72" i="34" l="1"/>
  <c r="A74" i="34" s="1"/>
  <c r="A75" i="34" s="1"/>
  <c r="A76" i="34" s="1"/>
  <c r="A79" i="34" s="1"/>
  <c r="I926" i="20"/>
  <c r="C48" i="13"/>
  <c r="D312" i="2"/>
  <c r="E27" i="2"/>
  <c r="D314" i="2"/>
  <c r="C48" i="20"/>
  <c r="B151" i="2"/>
  <c r="D309" i="2"/>
  <c r="D567" i="20"/>
  <c r="E567" i="20" s="1"/>
  <c r="G566" i="20"/>
  <c r="D657" i="20"/>
  <c r="E657" i="20" s="1"/>
  <c r="F657" i="20" s="1"/>
  <c r="G656" i="20"/>
  <c r="D120" i="13"/>
  <c r="G119" i="13"/>
  <c r="J118" i="13"/>
  <c r="D121" i="20"/>
  <c r="G120" i="20"/>
  <c r="H120" i="20"/>
  <c r="E745" i="20"/>
  <c r="F745" i="20" s="1"/>
  <c r="E212" i="20"/>
  <c r="F212" i="20" s="1"/>
  <c r="D213" i="20" s="1"/>
  <c r="I744" i="20"/>
  <c r="I300" i="20"/>
  <c r="E927" i="20"/>
  <c r="F927" i="20" s="1"/>
  <c r="I479" i="20"/>
  <c r="I833" i="20"/>
  <c r="E480" i="20"/>
  <c r="F480" i="20" s="1"/>
  <c r="D481" i="20" s="1"/>
  <c r="E388" i="20"/>
  <c r="F388" i="20" s="1"/>
  <c r="H656" i="20"/>
  <c r="H566" i="20"/>
  <c r="I387" i="20"/>
  <c r="E301" i="20"/>
  <c r="F301" i="20" s="1"/>
  <c r="I211" i="20"/>
  <c r="E834" i="20"/>
  <c r="F834" i="20" s="1"/>
  <c r="B153" i="2" l="1"/>
  <c r="B154" i="2" s="1"/>
  <c r="A80" i="34"/>
  <c r="B84" i="34"/>
  <c r="I656" i="20"/>
  <c r="F567" i="20"/>
  <c r="D568" i="20" s="1"/>
  <c r="I566" i="20"/>
  <c r="G567" i="20"/>
  <c r="H119" i="13"/>
  <c r="I119" i="13"/>
  <c r="G212" i="20"/>
  <c r="E120" i="13"/>
  <c r="F120" i="13" s="1"/>
  <c r="D746" i="20"/>
  <c r="H745" i="20"/>
  <c r="G745" i="20"/>
  <c r="D389" i="20"/>
  <c r="G388" i="20"/>
  <c r="H388" i="20"/>
  <c r="D658" i="20"/>
  <c r="H657" i="20"/>
  <c r="G657" i="20"/>
  <c r="D835" i="20"/>
  <c r="H834" i="20"/>
  <c r="G834" i="20"/>
  <c r="D302" i="20"/>
  <c r="H301" i="20"/>
  <c r="G301" i="20"/>
  <c r="D928" i="20"/>
  <c r="H927" i="20"/>
  <c r="G927" i="20"/>
  <c r="E481" i="20"/>
  <c r="F481" i="20" s="1"/>
  <c r="E213" i="20"/>
  <c r="F213" i="20" s="1"/>
  <c r="D214" i="20" s="1"/>
  <c r="E568" i="20"/>
  <c r="F568" i="20" s="1"/>
  <c r="D569" i="20" s="1"/>
  <c r="E121" i="20"/>
  <c r="F121" i="20" s="1"/>
  <c r="H480" i="20"/>
  <c r="G480" i="20"/>
  <c r="H212" i="20"/>
  <c r="H567" i="20"/>
  <c r="I120" i="20"/>
  <c r="A81" i="34" l="1"/>
  <c r="B85" i="34"/>
  <c r="C76" i="20"/>
  <c r="B155" i="2"/>
  <c r="B156" i="2" s="1"/>
  <c r="B157" i="2" s="1"/>
  <c r="C76" i="13"/>
  <c r="C59" i="20"/>
  <c r="C59" i="13"/>
  <c r="E31" i="2"/>
  <c r="I567" i="20"/>
  <c r="I657" i="20"/>
  <c r="I388" i="20"/>
  <c r="D121" i="13"/>
  <c r="G120" i="13"/>
  <c r="I301" i="20"/>
  <c r="I212" i="20"/>
  <c r="J119" i="13"/>
  <c r="D122" i="20"/>
  <c r="G121" i="20"/>
  <c r="H121" i="20"/>
  <c r="D482" i="20"/>
  <c r="G481" i="20"/>
  <c r="H481" i="20"/>
  <c r="I481" i="20" s="1"/>
  <c r="E569" i="20"/>
  <c r="F569" i="20" s="1"/>
  <c r="E928" i="20"/>
  <c r="F928" i="20" s="1"/>
  <c r="E389" i="20"/>
  <c r="F389" i="20" s="1"/>
  <c r="I480" i="20"/>
  <c r="I834" i="20"/>
  <c r="E658" i="20"/>
  <c r="F658" i="20" s="1"/>
  <c r="D659" i="20" s="1"/>
  <c r="H568" i="20"/>
  <c r="E835" i="20"/>
  <c r="F835" i="20" s="1"/>
  <c r="I745" i="20"/>
  <c r="E214" i="20"/>
  <c r="F214" i="20"/>
  <c r="D215" i="20" s="1"/>
  <c r="H213" i="20"/>
  <c r="G568" i="20"/>
  <c r="G213" i="20"/>
  <c r="I927" i="20"/>
  <c r="E302" i="20"/>
  <c r="F302" i="20" s="1"/>
  <c r="E746" i="20"/>
  <c r="F746" i="20" s="1"/>
  <c r="B159" i="2" l="1"/>
  <c r="B160" i="2" s="1"/>
  <c r="B161" i="2" s="1"/>
  <c r="E157" i="2"/>
  <c r="A84" i="34"/>
  <c r="A85" i="34" s="1"/>
  <c r="A86" i="34" s="1"/>
  <c r="A87" i="34" s="1"/>
  <c r="A96" i="34" s="1"/>
  <c r="B86" i="34"/>
  <c r="H214" i="20"/>
  <c r="E121" i="13"/>
  <c r="F121" i="13" s="1"/>
  <c r="G214" i="20"/>
  <c r="H120" i="13"/>
  <c r="I120" i="13"/>
  <c r="D929" i="20"/>
  <c r="H928" i="20"/>
  <c r="G928" i="20"/>
  <c r="D390" i="20"/>
  <c r="H389" i="20"/>
  <c r="G389" i="20"/>
  <c r="D747" i="20"/>
  <c r="G746" i="20"/>
  <c r="H746" i="20"/>
  <c r="D303" i="20"/>
  <c r="G302" i="20"/>
  <c r="H302" i="20"/>
  <c r="D836" i="20"/>
  <c r="G835" i="20"/>
  <c r="H835" i="20"/>
  <c r="D570" i="20"/>
  <c r="H569" i="20"/>
  <c r="G569" i="20"/>
  <c r="I568" i="20"/>
  <c r="E122" i="20"/>
  <c r="F122" i="20" s="1"/>
  <c r="E215" i="20"/>
  <c r="F215" i="20" s="1"/>
  <c r="H658" i="20"/>
  <c r="E482" i="20"/>
  <c r="F482" i="20" s="1"/>
  <c r="E659" i="20"/>
  <c r="F659" i="20" s="1"/>
  <c r="I213" i="20"/>
  <c r="G658" i="20"/>
  <c r="I121" i="20"/>
  <c r="D483" i="20" l="1"/>
  <c r="G482" i="20"/>
  <c r="B183" i="34"/>
  <c r="A97" i="34"/>
  <c r="I302" i="20"/>
  <c r="J120" i="13"/>
  <c r="B162" i="2"/>
  <c r="B163" i="2" s="1"/>
  <c r="B164" i="2" s="1"/>
  <c r="B165" i="2" s="1"/>
  <c r="B166" i="2" s="1"/>
  <c r="E166" i="2"/>
  <c r="D122" i="13"/>
  <c r="G121" i="13"/>
  <c r="I214" i="20"/>
  <c r="I835" i="20"/>
  <c r="D123" i="20"/>
  <c r="G122" i="20"/>
  <c r="H122" i="20"/>
  <c r="D216" i="20"/>
  <c r="G215" i="20"/>
  <c r="H215" i="20"/>
  <c r="D660" i="20"/>
  <c r="G659" i="20"/>
  <c r="H659" i="20"/>
  <c r="E483" i="20"/>
  <c r="F483" i="20" s="1"/>
  <c r="E747" i="20"/>
  <c r="F747" i="20" s="1"/>
  <c r="E303" i="20"/>
  <c r="F303" i="20" s="1"/>
  <c r="D304" i="20" s="1"/>
  <c r="I928" i="20"/>
  <c r="E570" i="20"/>
  <c r="F570" i="20" s="1"/>
  <c r="E390" i="20"/>
  <c r="F390" i="20" s="1"/>
  <c r="H482" i="20"/>
  <c r="I482" i="20" s="1"/>
  <c r="I658" i="20"/>
  <c r="I569" i="20"/>
  <c r="E836" i="20"/>
  <c r="F836" i="20" s="1"/>
  <c r="I746" i="20"/>
  <c r="I389" i="20"/>
  <c r="E929" i="20"/>
  <c r="F929" i="20" s="1"/>
  <c r="D930" i="20" s="1"/>
  <c r="A98" i="34" l="1"/>
  <c r="B184" i="34"/>
  <c r="B168" i="2"/>
  <c r="B169" i="2" s="1"/>
  <c r="D484" i="20"/>
  <c r="E484" i="20" s="1"/>
  <c r="F484" i="20" s="1"/>
  <c r="D485" i="20" s="1"/>
  <c r="G483" i="20"/>
  <c r="H929" i="20"/>
  <c r="I122" i="20"/>
  <c r="I121" i="13"/>
  <c r="H121" i="13"/>
  <c r="G929" i="20"/>
  <c r="I215" i="20"/>
  <c r="E122" i="13"/>
  <c r="F122" i="13" s="1"/>
  <c r="D123" i="13" s="1"/>
  <c r="D571" i="20"/>
  <c r="G570" i="20"/>
  <c r="H570" i="20"/>
  <c r="D837" i="20"/>
  <c r="G836" i="20"/>
  <c r="H836" i="20"/>
  <c r="D391" i="20"/>
  <c r="G390" i="20"/>
  <c r="H390" i="20"/>
  <c r="D748" i="20"/>
  <c r="H747" i="20"/>
  <c r="G747" i="20"/>
  <c r="E304" i="20"/>
  <c r="F304" i="20" s="1"/>
  <c r="D305" i="20" s="1"/>
  <c r="E216" i="20"/>
  <c r="F216" i="20" s="1"/>
  <c r="D217" i="20" s="1"/>
  <c r="E660" i="20"/>
  <c r="F660" i="20" s="1"/>
  <c r="D661" i="20" s="1"/>
  <c r="H303" i="20"/>
  <c r="E930" i="20"/>
  <c r="F930" i="20" s="1"/>
  <c r="D931" i="20" s="1"/>
  <c r="G303" i="20"/>
  <c r="H483" i="20"/>
  <c r="I483" i="20" s="1"/>
  <c r="I659" i="20"/>
  <c r="E123" i="20"/>
  <c r="F123" i="20"/>
  <c r="D124" i="20" s="1"/>
  <c r="G123" i="20"/>
  <c r="G122" i="13" l="1"/>
  <c r="I390" i="20"/>
  <c r="D173" i="2"/>
  <c r="B170" i="2"/>
  <c r="B185" i="34"/>
  <c r="A99" i="34"/>
  <c r="G930" i="20"/>
  <c r="I836" i="20"/>
  <c r="I929" i="20"/>
  <c r="H122" i="13"/>
  <c r="I122" i="13"/>
  <c r="E123" i="13"/>
  <c r="F123" i="13" s="1"/>
  <c r="D124" i="13" s="1"/>
  <c r="J121" i="13"/>
  <c r="E661" i="20"/>
  <c r="F661" i="20" s="1"/>
  <c r="E217" i="20"/>
  <c r="F217" i="20" s="1"/>
  <c r="E931" i="20"/>
  <c r="F931" i="20" s="1"/>
  <c r="I303" i="20"/>
  <c r="E571" i="20"/>
  <c r="F571" i="20"/>
  <c r="D572" i="20" s="1"/>
  <c r="E124" i="20"/>
  <c r="F124" i="20" s="1"/>
  <c r="H660" i="20"/>
  <c r="H484" i="20"/>
  <c r="H216" i="20"/>
  <c r="H304" i="20"/>
  <c r="E837" i="20"/>
  <c r="F837" i="20" s="1"/>
  <c r="E485" i="20"/>
  <c r="F485" i="20" s="1"/>
  <c r="E305" i="20"/>
  <c r="F305" i="20" s="1"/>
  <c r="E748" i="20"/>
  <c r="F748" i="20" s="1"/>
  <c r="H123" i="20"/>
  <c r="I123" i="20" s="1"/>
  <c r="H930" i="20"/>
  <c r="G660" i="20"/>
  <c r="G484" i="20"/>
  <c r="G216" i="20"/>
  <c r="G304" i="20"/>
  <c r="I747" i="20"/>
  <c r="E391" i="20"/>
  <c r="F391" i="20" s="1"/>
  <c r="I570" i="20"/>
  <c r="I930" i="20" l="1"/>
  <c r="G571" i="20"/>
  <c r="B171" i="2"/>
  <c r="B172" i="2" s="1"/>
  <c r="B173" i="2" s="1"/>
  <c r="C35" i="20"/>
  <c r="C35" i="13"/>
  <c r="A100" i="34"/>
  <c r="A101" i="34" s="1"/>
  <c r="B186" i="34"/>
  <c r="G123" i="13"/>
  <c r="H123" i="13" s="1"/>
  <c r="D125" i="20"/>
  <c r="E125" i="20" s="1"/>
  <c r="G124" i="20"/>
  <c r="D218" i="20"/>
  <c r="E218" i="20" s="1"/>
  <c r="F218" i="20" s="1"/>
  <c r="G217" i="20"/>
  <c r="H217" i="20"/>
  <c r="D932" i="20"/>
  <c r="E932" i="20" s="1"/>
  <c r="F932" i="20" s="1"/>
  <c r="G931" i="20"/>
  <c r="H931" i="20"/>
  <c r="D838" i="20"/>
  <c r="E838" i="20" s="1"/>
  <c r="F838" i="20" s="1"/>
  <c r="G837" i="20"/>
  <c r="D662" i="20"/>
  <c r="E662" i="20" s="1"/>
  <c r="G661" i="20"/>
  <c r="H661" i="20"/>
  <c r="I216" i="20"/>
  <c r="E124" i="13"/>
  <c r="F124" i="13" s="1"/>
  <c r="D125" i="13" s="1"/>
  <c r="J122" i="13"/>
  <c r="D749" i="20"/>
  <c r="H748" i="20"/>
  <c r="G748" i="20"/>
  <c r="D392" i="20"/>
  <c r="H391" i="20"/>
  <c r="G391" i="20"/>
  <c r="D306" i="20"/>
  <c r="G305" i="20"/>
  <c r="H305" i="20"/>
  <c r="D486" i="20"/>
  <c r="G485" i="20"/>
  <c r="H485" i="20"/>
  <c r="E572" i="20"/>
  <c r="F572" i="20" s="1"/>
  <c r="I484" i="20"/>
  <c r="I660" i="20"/>
  <c r="H837" i="20"/>
  <c r="I837" i="20" s="1"/>
  <c r="I304" i="20"/>
  <c r="H124" i="20"/>
  <c r="I124" i="20" s="1"/>
  <c r="H571" i="20"/>
  <c r="I571" i="20" s="1"/>
  <c r="I123" i="13" l="1"/>
  <c r="G124" i="13"/>
  <c r="B150" i="34"/>
  <c r="A103" i="34"/>
  <c r="B174" i="2"/>
  <c r="J123" i="13"/>
  <c r="I217" i="20"/>
  <c r="F662" i="20"/>
  <c r="D663" i="20" s="1"/>
  <c r="E663" i="20" s="1"/>
  <c r="F663" i="20" s="1"/>
  <c r="F125" i="20"/>
  <c r="D126" i="20" s="1"/>
  <c r="I391" i="20"/>
  <c r="I485" i="20"/>
  <c r="D219" i="20"/>
  <c r="E219" i="20" s="1"/>
  <c r="F219" i="20" s="1"/>
  <c r="G218" i="20"/>
  <c r="H124" i="13"/>
  <c r="I124" i="13"/>
  <c r="E125" i="13"/>
  <c r="F125" i="13" s="1"/>
  <c r="I305" i="20"/>
  <c r="I661" i="20"/>
  <c r="I931" i="20"/>
  <c r="D839" i="20"/>
  <c r="G838" i="20"/>
  <c r="H838" i="20"/>
  <c r="D933" i="20"/>
  <c r="H932" i="20"/>
  <c r="G932" i="20"/>
  <c r="D573" i="20"/>
  <c r="G572" i="20"/>
  <c r="H572" i="20"/>
  <c r="E126" i="20"/>
  <c r="F126" i="20" s="1"/>
  <c r="E392" i="20"/>
  <c r="F392" i="20" s="1"/>
  <c r="E749" i="20"/>
  <c r="F749" i="20" s="1"/>
  <c r="D750" i="20" s="1"/>
  <c r="E306" i="20"/>
  <c r="F306" i="20" s="1"/>
  <c r="D307" i="20" s="1"/>
  <c r="H218" i="20"/>
  <c r="E486" i="20"/>
  <c r="F486" i="20" s="1"/>
  <c r="D487" i="20" s="1"/>
  <c r="I748" i="20"/>
  <c r="D339" i="2" l="1"/>
  <c r="B175" i="2"/>
  <c r="E178" i="2"/>
  <c r="A106" i="34"/>
  <c r="A107" i="34" s="1"/>
  <c r="A108" i="34" s="1"/>
  <c r="A109" i="34" s="1"/>
  <c r="A110" i="34" s="1"/>
  <c r="A111" i="34" s="1"/>
  <c r="A112" i="34" s="1"/>
  <c r="B100" i="34"/>
  <c r="H486" i="20"/>
  <c r="I218" i="20"/>
  <c r="G486" i="20"/>
  <c r="H662" i="20"/>
  <c r="J124" i="13"/>
  <c r="H125" i="20"/>
  <c r="G125" i="20"/>
  <c r="G662" i="20"/>
  <c r="I662" i="20" s="1"/>
  <c r="D126" i="13"/>
  <c r="G125" i="13"/>
  <c r="I838" i="20"/>
  <c r="D127" i="20"/>
  <c r="G126" i="20"/>
  <c r="H126" i="20"/>
  <c r="D393" i="20"/>
  <c r="G392" i="20"/>
  <c r="H392" i="20"/>
  <c r="I392" i="20" s="1"/>
  <c r="D220" i="20"/>
  <c r="G219" i="20"/>
  <c r="H219" i="20"/>
  <c r="D664" i="20"/>
  <c r="G663" i="20"/>
  <c r="H663" i="20"/>
  <c r="E750" i="20"/>
  <c r="F750" i="20"/>
  <c r="D751" i="20" s="1"/>
  <c r="E573" i="20"/>
  <c r="F573" i="20" s="1"/>
  <c r="D574" i="20" s="1"/>
  <c r="E307" i="20"/>
  <c r="F307" i="20" s="1"/>
  <c r="E933" i="20"/>
  <c r="F933" i="20" s="1"/>
  <c r="E487" i="20"/>
  <c r="F487" i="20" s="1"/>
  <c r="D488" i="20" s="1"/>
  <c r="H306" i="20"/>
  <c r="H749" i="20"/>
  <c r="G306" i="20"/>
  <c r="G749" i="20"/>
  <c r="I572" i="20"/>
  <c r="I932" i="20"/>
  <c r="E839" i="20"/>
  <c r="F839" i="20" s="1"/>
  <c r="D840" i="20" s="1"/>
  <c r="B166" i="34" l="1"/>
  <c r="A115" i="34"/>
  <c r="I486" i="20"/>
  <c r="B176" i="2"/>
  <c r="E179" i="2"/>
  <c r="I219" i="20"/>
  <c r="I125" i="20"/>
  <c r="I126" i="20"/>
  <c r="E126" i="13"/>
  <c r="F126" i="13" s="1"/>
  <c r="D127" i="13" s="1"/>
  <c r="I306" i="20"/>
  <c r="I663" i="20"/>
  <c r="I125" i="13"/>
  <c r="H125" i="13"/>
  <c r="D308" i="20"/>
  <c r="H307" i="20"/>
  <c r="G307" i="20"/>
  <c r="D934" i="20"/>
  <c r="G933" i="20"/>
  <c r="H933" i="20"/>
  <c r="E574" i="20"/>
  <c r="F574" i="20" s="1"/>
  <c r="D575" i="20" s="1"/>
  <c r="E664" i="20"/>
  <c r="F664" i="20" s="1"/>
  <c r="D665" i="20" s="1"/>
  <c r="H839" i="20"/>
  <c r="E840" i="20"/>
  <c r="F840" i="20" s="1"/>
  <c r="E488" i="20"/>
  <c r="F488" i="20" s="1"/>
  <c r="G839" i="20"/>
  <c r="G487" i="20"/>
  <c r="H573" i="20"/>
  <c r="H750" i="20"/>
  <c r="E393" i="20"/>
  <c r="F393" i="20" s="1"/>
  <c r="E751" i="20"/>
  <c r="F751" i="20" s="1"/>
  <c r="H487" i="20"/>
  <c r="I749" i="20"/>
  <c r="G573" i="20"/>
  <c r="G750" i="20"/>
  <c r="E220" i="20"/>
  <c r="F220" i="20" s="1"/>
  <c r="E127" i="20"/>
  <c r="F127" i="20" s="1"/>
  <c r="D221" i="20" l="1"/>
  <c r="G220" i="20"/>
  <c r="H220" i="20"/>
  <c r="I220" i="20" s="1"/>
  <c r="B177" i="2"/>
  <c r="E180" i="2"/>
  <c r="G126" i="13"/>
  <c r="H126" i="13" s="1"/>
  <c r="A116" i="34"/>
  <c r="D489" i="20"/>
  <c r="E489" i="20" s="1"/>
  <c r="F489" i="20" s="1"/>
  <c r="D490" i="20" s="1"/>
  <c r="G488" i="20"/>
  <c r="J125" i="13"/>
  <c r="I933" i="20"/>
  <c r="D394" i="20"/>
  <c r="E394" i="20" s="1"/>
  <c r="F394" i="20" s="1"/>
  <c r="G393" i="20"/>
  <c r="I573" i="20"/>
  <c r="H664" i="20"/>
  <c r="H574" i="20"/>
  <c r="I126" i="13"/>
  <c r="G664" i="20"/>
  <c r="G574" i="20"/>
  <c r="E127" i="13"/>
  <c r="F127" i="13" s="1"/>
  <c r="D841" i="20"/>
  <c r="H840" i="20"/>
  <c r="G840" i="20"/>
  <c r="D128" i="20"/>
  <c r="G127" i="20"/>
  <c r="H127" i="20"/>
  <c r="D752" i="20"/>
  <c r="H751" i="20"/>
  <c r="G751" i="20"/>
  <c r="E665" i="20"/>
  <c r="F665" i="20" s="1"/>
  <c r="D666" i="20" s="1"/>
  <c r="E575" i="20"/>
  <c r="F575" i="20" s="1"/>
  <c r="E934" i="20"/>
  <c r="F934" i="20" s="1"/>
  <c r="D935" i="20" s="1"/>
  <c r="I307" i="20"/>
  <c r="E221" i="20"/>
  <c r="F221" i="20" s="1"/>
  <c r="I487" i="20"/>
  <c r="H393" i="20"/>
  <c r="I393" i="20" s="1"/>
  <c r="I750" i="20"/>
  <c r="H488" i="20"/>
  <c r="I488" i="20" s="1"/>
  <c r="I839" i="20"/>
  <c r="E308" i="20"/>
  <c r="F308" i="20" s="1"/>
  <c r="J126" i="13" l="1"/>
  <c r="D309" i="20"/>
  <c r="G308" i="20"/>
  <c r="H308" i="20"/>
  <c r="I308" i="20" s="1"/>
  <c r="B178" i="2"/>
  <c r="B179" i="2" s="1"/>
  <c r="B180" i="2" s="1"/>
  <c r="B181" i="2" s="1"/>
  <c r="A117" i="34"/>
  <c r="A118" i="34" s="1"/>
  <c r="B118" i="34"/>
  <c r="I127" i="20"/>
  <c r="D128" i="13"/>
  <c r="G127" i="13"/>
  <c r="I574" i="20"/>
  <c r="I664" i="20"/>
  <c r="D395" i="20"/>
  <c r="H394" i="20"/>
  <c r="G394" i="20"/>
  <c r="D576" i="20"/>
  <c r="G575" i="20"/>
  <c r="H575" i="20"/>
  <c r="D222" i="20"/>
  <c r="H221" i="20"/>
  <c r="G221" i="20"/>
  <c r="E935" i="20"/>
  <c r="F935" i="20" s="1"/>
  <c r="H934" i="20"/>
  <c r="H665" i="20"/>
  <c r="H489" i="20"/>
  <c r="G934" i="20"/>
  <c r="G665" i="20"/>
  <c r="G489" i="20"/>
  <c r="I751" i="20"/>
  <c r="E128" i="20"/>
  <c r="F128" i="20" s="1"/>
  <c r="D129" i="20" s="1"/>
  <c r="I840" i="20"/>
  <c r="E666" i="20"/>
  <c r="F666" i="20" s="1"/>
  <c r="E490" i="20"/>
  <c r="F490" i="20" s="1"/>
  <c r="E309" i="20"/>
  <c r="F309" i="20"/>
  <c r="D310" i="20" s="1"/>
  <c r="E752" i="20"/>
  <c r="F752" i="20" s="1"/>
  <c r="E841" i="20"/>
  <c r="F841" i="20" s="1"/>
  <c r="D842" i="20" s="1"/>
  <c r="A119" i="34" l="1"/>
  <c r="B119" i="34"/>
  <c r="C50" i="13"/>
  <c r="C50" i="20"/>
  <c r="B183" i="2"/>
  <c r="E34" i="2"/>
  <c r="E181" i="2"/>
  <c r="D753" i="20"/>
  <c r="E753" i="20" s="1"/>
  <c r="F753" i="20" s="1"/>
  <c r="D754" i="20" s="1"/>
  <c r="H752" i="20"/>
  <c r="D936" i="20"/>
  <c r="E936" i="20" s="1"/>
  <c r="G935" i="20"/>
  <c r="I221" i="20"/>
  <c r="I489" i="20"/>
  <c r="I665" i="20"/>
  <c r="I575" i="20"/>
  <c r="I127" i="13"/>
  <c r="H127" i="13"/>
  <c r="H309" i="20"/>
  <c r="E128" i="13"/>
  <c r="F128" i="13" s="1"/>
  <c r="D491" i="20"/>
  <c r="H490" i="20"/>
  <c r="G490" i="20"/>
  <c r="D667" i="20"/>
  <c r="H666" i="20"/>
  <c r="G666" i="20"/>
  <c r="E576" i="20"/>
  <c r="F576" i="20" s="1"/>
  <c r="G752" i="20"/>
  <c r="G309" i="20"/>
  <c r="H128" i="20"/>
  <c r="E222" i="20"/>
  <c r="F222" i="20" s="1"/>
  <c r="D223" i="20" s="1"/>
  <c r="E129" i="20"/>
  <c r="F129" i="20" s="1"/>
  <c r="D130" i="20" s="1"/>
  <c r="G128" i="20"/>
  <c r="I934" i="20"/>
  <c r="I394" i="20"/>
  <c r="E842" i="20"/>
  <c r="F842" i="20" s="1"/>
  <c r="H841" i="20"/>
  <c r="E310" i="20"/>
  <c r="F310" i="20" s="1"/>
  <c r="D311" i="20" s="1"/>
  <c r="G841" i="20"/>
  <c r="H935" i="20"/>
  <c r="E395" i="20"/>
  <c r="F395" i="20" s="1"/>
  <c r="I752" i="20" l="1"/>
  <c r="I309" i="20"/>
  <c r="C49" i="20"/>
  <c r="C49" i="13"/>
  <c r="B185" i="2"/>
  <c r="E177" i="2"/>
  <c r="A121" i="34"/>
  <c r="D396" i="20"/>
  <c r="E396" i="20" s="1"/>
  <c r="F396" i="20" s="1"/>
  <c r="G395" i="20"/>
  <c r="J127" i="13"/>
  <c r="I935" i="20"/>
  <c r="F936" i="20"/>
  <c r="D937" i="20" s="1"/>
  <c r="E937" i="20" s="1"/>
  <c r="D129" i="13"/>
  <c r="G128" i="13"/>
  <c r="H395" i="20"/>
  <c r="I395" i="20" s="1"/>
  <c r="D577" i="20"/>
  <c r="G576" i="20"/>
  <c r="H576" i="20"/>
  <c r="D843" i="20"/>
  <c r="H842" i="20"/>
  <c r="G842" i="20"/>
  <c r="H129" i="20"/>
  <c r="E754" i="20"/>
  <c r="F754" i="20" s="1"/>
  <c r="D755" i="20" s="1"/>
  <c r="E130" i="20"/>
  <c r="F130" i="20" s="1"/>
  <c r="D131" i="20" s="1"/>
  <c r="H310" i="20"/>
  <c r="G129" i="20"/>
  <c r="H222" i="20"/>
  <c r="I490" i="20"/>
  <c r="E311" i="20"/>
  <c r="F311" i="20" s="1"/>
  <c r="D312" i="20" s="1"/>
  <c r="E223" i="20"/>
  <c r="F223" i="20"/>
  <c r="D224" i="20" s="1"/>
  <c r="E667" i="20"/>
  <c r="F667" i="20" s="1"/>
  <c r="H753" i="20"/>
  <c r="I841" i="20"/>
  <c r="G310" i="20"/>
  <c r="G753" i="20"/>
  <c r="G222" i="20"/>
  <c r="G936" i="20"/>
  <c r="I128" i="20"/>
  <c r="I666" i="20"/>
  <c r="E491" i="20"/>
  <c r="F491" i="20"/>
  <c r="D492" i="20" s="1"/>
  <c r="G223" i="20" l="1"/>
  <c r="F937" i="20"/>
  <c r="D938" i="20" s="1"/>
  <c r="A122" i="34"/>
  <c r="B187" i="2"/>
  <c r="D303" i="2"/>
  <c r="H936" i="20"/>
  <c r="D668" i="20"/>
  <c r="E668" i="20" s="1"/>
  <c r="F668" i="20" s="1"/>
  <c r="G667" i="20"/>
  <c r="I310" i="20"/>
  <c r="H128" i="13"/>
  <c r="I128" i="13"/>
  <c r="J128" i="13" s="1"/>
  <c r="E129" i="13"/>
  <c r="F129" i="13" s="1"/>
  <c r="D130" i="13" s="1"/>
  <c r="I576" i="20"/>
  <c r="G311" i="20"/>
  <c r="D397" i="20"/>
  <c r="H396" i="20"/>
  <c r="G396" i="20"/>
  <c r="E224" i="20"/>
  <c r="F224" i="20" s="1"/>
  <c r="E312" i="20"/>
  <c r="F312" i="20" s="1"/>
  <c r="E131" i="20"/>
  <c r="F131" i="20" s="1"/>
  <c r="D132" i="20" s="1"/>
  <c r="I936" i="20"/>
  <c r="H130" i="20"/>
  <c r="H754" i="20"/>
  <c r="I129" i="20"/>
  <c r="H937" i="20"/>
  <c r="E492" i="20"/>
  <c r="F492" i="20" s="1"/>
  <c r="E755" i="20"/>
  <c r="F755" i="20" s="1"/>
  <c r="E938" i="20"/>
  <c r="F938" i="20" s="1"/>
  <c r="D939" i="20" s="1"/>
  <c r="E843" i="20"/>
  <c r="F843" i="20"/>
  <c r="D844" i="20" s="1"/>
  <c r="H491" i="20"/>
  <c r="I753" i="20"/>
  <c r="G491" i="20"/>
  <c r="H667" i="20"/>
  <c r="H223" i="20"/>
  <c r="I223" i="20" s="1"/>
  <c r="H311" i="20"/>
  <c r="I311" i="20" s="1"/>
  <c r="I222" i="20"/>
  <c r="G130" i="20"/>
  <c r="G754" i="20"/>
  <c r="G937" i="20"/>
  <c r="I842" i="20"/>
  <c r="E577" i="20"/>
  <c r="F577" i="20"/>
  <c r="D578" i="20" s="1"/>
  <c r="B189" i="2" l="1"/>
  <c r="B191" i="2" s="1"/>
  <c r="D189" i="2"/>
  <c r="A123" i="34"/>
  <c r="A124" i="34" s="1"/>
  <c r="B124" i="34"/>
  <c r="G843" i="20"/>
  <c r="G129" i="13"/>
  <c r="I667" i="20"/>
  <c r="D756" i="20"/>
  <c r="E756" i="20" s="1"/>
  <c r="F756" i="20" s="1"/>
  <c r="D757" i="20" s="1"/>
  <c r="G755" i="20"/>
  <c r="I937" i="20"/>
  <c r="H129" i="13"/>
  <c r="I129" i="13"/>
  <c r="J129" i="13" s="1"/>
  <c r="E130" i="13"/>
  <c r="F130" i="13" s="1"/>
  <c r="D131" i="13" s="1"/>
  <c r="I396" i="20"/>
  <c r="G938" i="20"/>
  <c r="I130" i="20"/>
  <c r="D669" i="20"/>
  <c r="G668" i="20"/>
  <c r="H668" i="20"/>
  <c r="D493" i="20"/>
  <c r="G492" i="20"/>
  <c r="H492" i="20"/>
  <c r="I492" i="20" s="1"/>
  <c r="D313" i="20"/>
  <c r="G312" i="20"/>
  <c r="H312" i="20"/>
  <c r="D225" i="20"/>
  <c r="G224" i="20"/>
  <c r="H224" i="20"/>
  <c r="I224" i="20" s="1"/>
  <c r="E132" i="20"/>
  <c r="F132" i="20" s="1"/>
  <c r="E844" i="20"/>
  <c r="F844" i="20" s="1"/>
  <c r="E939" i="20"/>
  <c r="F939" i="20"/>
  <c r="D940" i="20" s="1"/>
  <c r="E397" i="20"/>
  <c r="F397" i="20"/>
  <c r="D398" i="20" s="1"/>
  <c r="E578" i="20"/>
  <c r="F578" i="20" s="1"/>
  <c r="H131" i="20"/>
  <c r="H577" i="20"/>
  <c r="I491" i="20"/>
  <c r="G577" i="20"/>
  <c r="H843" i="20"/>
  <c r="I843" i="20" s="1"/>
  <c r="H938" i="20"/>
  <c r="H755" i="20"/>
  <c r="I755" i="20" s="1"/>
  <c r="I754" i="20"/>
  <c r="G131" i="20"/>
  <c r="D192" i="2" l="1"/>
  <c r="A125" i="34"/>
  <c r="B125" i="34"/>
  <c r="I312" i="20"/>
  <c r="E13" i="2"/>
  <c r="B204" i="2"/>
  <c r="I668" i="20"/>
  <c r="F131" i="13"/>
  <c r="D132" i="13" s="1"/>
  <c r="E131" i="13"/>
  <c r="I938" i="20"/>
  <c r="I577" i="20"/>
  <c r="G130" i="13"/>
  <c r="D845" i="20"/>
  <c r="G844" i="20"/>
  <c r="H844" i="20"/>
  <c r="D579" i="20"/>
  <c r="G578" i="20"/>
  <c r="H578" i="20"/>
  <c r="D133" i="20"/>
  <c r="G132" i="20"/>
  <c r="H132" i="20"/>
  <c r="E757" i="20"/>
  <c r="F757" i="20" s="1"/>
  <c r="I131" i="20"/>
  <c r="E398" i="20"/>
  <c r="F398" i="20" s="1"/>
  <c r="E225" i="20"/>
  <c r="F225" i="20" s="1"/>
  <c r="D226" i="20" s="1"/>
  <c r="H756" i="20"/>
  <c r="H939" i="20"/>
  <c r="E940" i="20"/>
  <c r="F940" i="20" s="1"/>
  <c r="E493" i="20"/>
  <c r="F493" i="20" s="1"/>
  <c r="H397" i="20"/>
  <c r="G397" i="20"/>
  <c r="G756" i="20"/>
  <c r="G939" i="20"/>
  <c r="E313" i="20"/>
  <c r="F313" i="20"/>
  <c r="D314" i="20" s="1"/>
  <c r="E669" i="20"/>
  <c r="F669" i="20" s="1"/>
  <c r="B205" i="2" l="1"/>
  <c r="B206" i="2" s="1"/>
  <c r="B207" i="2" s="1"/>
  <c r="A127" i="34"/>
  <c r="D758" i="20"/>
  <c r="G757" i="20"/>
  <c r="D670" i="20"/>
  <c r="G669" i="20"/>
  <c r="I844" i="20"/>
  <c r="D494" i="20"/>
  <c r="E494" i="20" s="1"/>
  <c r="F494" i="20" s="1"/>
  <c r="G493" i="20"/>
  <c r="G131" i="13"/>
  <c r="E132" i="13"/>
  <c r="F132" i="13" s="1"/>
  <c r="D133" i="13" s="1"/>
  <c r="G313" i="20"/>
  <c r="I578" i="20"/>
  <c r="H130" i="13"/>
  <c r="I130" i="13"/>
  <c r="D399" i="20"/>
  <c r="G398" i="20"/>
  <c r="H398" i="20"/>
  <c r="D941" i="20"/>
  <c r="H940" i="20"/>
  <c r="G940" i="20"/>
  <c r="E226" i="20"/>
  <c r="F226" i="20" s="1"/>
  <c r="D227" i="20" s="1"/>
  <c r="E579" i="20"/>
  <c r="F579" i="20"/>
  <c r="D580" i="20" s="1"/>
  <c r="E670" i="20"/>
  <c r="F670" i="20" s="1"/>
  <c r="H225" i="20"/>
  <c r="E758" i="20"/>
  <c r="F758" i="20" s="1"/>
  <c r="E133" i="20"/>
  <c r="F133" i="20" s="1"/>
  <c r="D134" i="20" s="1"/>
  <c r="I397" i="20"/>
  <c r="I756" i="20"/>
  <c r="E314" i="20"/>
  <c r="F314" i="20" s="1"/>
  <c r="D315" i="20" s="1"/>
  <c r="G225" i="20"/>
  <c r="H669" i="20"/>
  <c r="H313" i="20"/>
  <c r="I313" i="20" s="1"/>
  <c r="H493" i="20"/>
  <c r="I493" i="20" s="1"/>
  <c r="I939" i="20"/>
  <c r="H757" i="20"/>
  <c r="I132" i="20"/>
  <c r="E845" i="20"/>
  <c r="F845" i="20" s="1"/>
  <c r="I757" i="20" l="1"/>
  <c r="A128" i="34"/>
  <c r="I669" i="20"/>
  <c r="E207" i="2"/>
  <c r="I398" i="20"/>
  <c r="E209" i="2"/>
  <c r="E63" i="2"/>
  <c r="B209" i="2"/>
  <c r="B211" i="2" s="1"/>
  <c r="B212" i="2" s="1"/>
  <c r="B213" i="2" s="1"/>
  <c r="D495" i="20"/>
  <c r="G494" i="20"/>
  <c r="D759" i="20"/>
  <c r="G758" i="20"/>
  <c r="E133" i="13"/>
  <c r="F133" i="13" s="1"/>
  <c r="D134" i="13" s="1"/>
  <c r="I131" i="13"/>
  <c r="H131" i="13"/>
  <c r="I940" i="20"/>
  <c r="G133" i="20"/>
  <c r="J130" i="13"/>
  <c r="G132" i="13"/>
  <c r="D671" i="20"/>
  <c r="G670" i="20"/>
  <c r="H670" i="20"/>
  <c r="I670" i="20" s="1"/>
  <c r="D846" i="20"/>
  <c r="G845" i="20"/>
  <c r="H845" i="20"/>
  <c r="E315" i="20"/>
  <c r="F315" i="20"/>
  <c r="D316" i="20" s="1"/>
  <c r="G315" i="20"/>
  <c r="E227" i="20"/>
  <c r="F227" i="20"/>
  <c r="D228" i="20" s="1"/>
  <c r="G227" i="20"/>
  <c r="E495" i="20"/>
  <c r="F495" i="20" s="1"/>
  <c r="E134" i="20"/>
  <c r="F134" i="20" s="1"/>
  <c r="I225" i="20"/>
  <c r="E580" i="20"/>
  <c r="F580" i="20" s="1"/>
  <c r="E941" i="20"/>
  <c r="F941" i="20" s="1"/>
  <c r="D942" i="20" s="1"/>
  <c r="H314" i="20"/>
  <c r="H579" i="20"/>
  <c r="H226" i="20"/>
  <c r="G314" i="20"/>
  <c r="H494" i="20"/>
  <c r="H133" i="20"/>
  <c r="I133" i="20" s="1"/>
  <c r="H758" i="20"/>
  <c r="G579" i="20"/>
  <c r="G226" i="20"/>
  <c r="E399" i="20"/>
  <c r="F399" i="20" s="1"/>
  <c r="B130" i="34" l="1"/>
  <c r="A129" i="34"/>
  <c r="A130" i="34" s="1"/>
  <c r="B214" i="2"/>
  <c r="B215" i="2" s="1"/>
  <c r="B216" i="2" s="1"/>
  <c r="B217" i="2" s="1"/>
  <c r="B219" i="2" s="1"/>
  <c r="B222" i="2" s="1"/>
  <c r="B223" i="2" s="1"/>
  <c r="I845" i="20"/>
  <c r="I494" i="20"/>
  <c r="J131" i="13"/>
  <c r="I758" i="20"/>
  <c r="D135" i="20"/>
  <c r="E135" i="20" s="1"/>
  <c r="F135" i="20" s="1"/>
  <c r="G134" i="20"/>
  <c r="D581" i="20"/>
  <c r="G580" i="20"/>
  <c r="D400" i="20"/>
  <c r="E400" i="20" s="1"/>
  <c r="F400" i="20" s="1"/>
  <c r="D401" i="20" s="1"/>
  <c r="G399" i="20"/>
  <c r="H399" i="20"/>
  <c r="E759" i="20"/>
  <c r="F759" i="20" s="1"/>
  <c r="D760" i="20" s="1"/>
  <c r="E760" i="20" s="1"/>
  <c r="E134" i="13"/>
  <c r="F134" i="13" s="1"/>
  <c r="D135" i="13" s="1"/>
  <c r="I579" i="20"/>
  <c r="G133" i="13"/>
  <c r="G941" i="20"/>
  <c r="H227" i="20"/>
  <c r="I227" i="20" s="1"/>
  <c r="H315" i="20"/>
  <c r="I315" i="20" s="1"/>
  <c r="H132" i="13"/>
  <c r="I132" i="13"/>
  <c r="J132" i="13" s="1"/>
  <c r="D496" i="20"/>
  <c r="H495" i="20"/>
  <c r="G495" i="20"/>
  <c r="I226" i="20"/>
  <c r="I314" i="20"/>
  <c r="E228" i="20"/>
  <c r="F228" i="20" s="1"/>
  <c r="D229" i="20" s="1"/>
  <c r="E316" i="20"/>
  <c r="F316" i="20"/>
  <c r="D317" i="20" s="1"/>
  <c r="E846" i="20"/>
  <c r="F846" i="20" s="1"/>
  <c r="E942" i="20"/>
  <c r="F942" i="20" s="1"/>
  <c r="H941" i="20"/>
  <c r="H580" i="20"/>
  <c r="H134" i="20"/>
  <c r="E671" i="20"/>
  <c r="F671" i="20" s="1"/>
  <c r="D672" i="20" s="1"/>
  <c r="G316" i="20" l="1"/>
  <c r="D847" i="20"/>
  <c r="G846" i="20"/>
  <c r="H759" i="20"/>
  <c r="I759" i="20" s="1"/>
  <c r="E217" i="2"/>
  <c r="I580" i="20"/>
  <c r="A131" i="34"/>
  <c r="B131" i="34"/>
  <c r="B224" i="2"/>
  <c r="B225" i="2" s="1"/>
  <c r="B226" i="2" s="1"/>
  <c r="D943" i="20"/>
  <c r="G942" i="20"/>
  <c r="G228" i="20"/>
  <c r="G134" i="13"/>
  <c r="I399" i="20"/>
  <c r="D136" i="20"/>
  <c r="E136" i="20" s="1"/>
  <c r="G135" i="20"/>
  <c r="I495" i="20"/>
  <c r="I941" i="20"/>
  <c r="E581" i="20"/>
  <c r="F581" i="20" s="1"/>
  <c r="F760" i="20"/>
  <c r="H760" i="20" s="1"/>
  <c r="I133" i="13"/>
  <c r="H133" i="13"/>
  <c r="I134" i="13"/>
  <c r="H134" i="13"/>
  <c r="I134" i="20"/>
  <c r="H942" i="20"/>
  <c r="H846" i="20"/>
  <c r="I846" i="20" s="1"/>
  <c r="H316" i="20"/>
  <c r="I316" i="20" s="1"/>
  <c r="H228" i="20"/>
  <c r="E135" i="13"/>
  <c r="F135" i="13" s="1"/>
  <c r="D136" i="13" s="1"/>
  <c r="G759" i="20"/>
  <c r="E401" i="20"/>
  <c r="F401" i="20" s="1"/>
  <c r="D402" i="20" s="1"/>
  <c r="H400" i="20"/>
  <c r="E496" i="20"/>
  <c r="F496" i="20"/>
  <c r="D497" i="20" s="1"/>
  <c r="E943" i="20"/>
  <c r="F943" i="20" s="1"/>
  <c r="E847" i="20"/>
  <c r="F847" i="20" s="1"/>
  <c r="D848" i="20" s="1"/>
  <c r="E317" i="20"/>
  <c r="F317" i="20" s="1"/>
  <c r="E229" i="20"/>
  <c r="F229" i="20" s="1"/>
  <c r="D230" i="20" s="1"/>
  <c r="G400" i="20"/>
  <c r="E672" i="20"/>
  <c r="F672" i="20" s="1"/>
  <c r="D673" i="20" s="1"/>
  <c r="H671" i="20"/>
  <c r="G671" i="20"/>
  <c r="H135" i="20"/>
  <c r="I228" i="20" l="1"/>
  <c r="A133" i="34"/>
  <c r="I671" i="20"/>
  <c r="B227" i="2"/>
  <c r="I942" i="20"/>
  <c r="D582" i="20"/>
  <c r="E582" i="20" s="1"/>
  <c r="F582" i="20" s="1"/>
  <c r="G581" i="20"/>
  <c r="H581" i="20"/>
  <c r="F136" i="20"/>
  <c r="D137" i="20" s="1"/>
  <c r="E137" i="20" s="1"/>
  <c r="F137" i="20" s="1"/>
  <c r="D138" i="20" s="1"/>
  <c r="H401" i="20"/>
  <c r="J134" i="13"/>
  <c r="J133" i="13"/>
  <c r="I135" i="20"/>
  <c r="E136" i="13"/>
  <c r="F136" i="13" s="1"/>
  <c r="G401" i="20"/>
  <c r="G135" i="13"/>
  <c r="D761" i="20"/>
  <c r="G760" i="20"/>
  <c r="I760" i="20" s="1"/>
  <c r="D944" i="20"/>
  <c r="G943" i="20"/>
  <c r="H943" i="20"/>
  <c r="D318" i="20"/>
  <c r="G317" i="20"/>
  <c r="H317" i="20"/>
  <c r="D583" i="20"/>
  <c r="G582" i="20"/>
  <c r="E673" i="20"/>
  <c r="F673" i="20" s="1"/>
  <c r="D674" i="20" s="1"/>
  <c r="E848" i="20"/>
  <c r="F848" i="20" s="1"/>
  <c r="E497" i="20"/>
  <c r="F497" i="20" s="1"/>
  <c r="D498" i="20" s="1"/>
  <c r="E230" i="20"/>
  <c r="F230" i="20" s="1"/>
  <c r="D231" i="20" s="1"/>
  <c r="H672" i="20"/>
  <c r="H229" i="20"/>
  <c r="H847" i="20"/>
  <c r="H496" i="20"/>
  <c r="E402" i="20"/>
  <c r="F402" i="20" s="1"/>
  <c r="G672" i="20"/>
  <c r="G229" i="20"/>
  <c r="G847" i="20"/>
  <c r="G496" i="20"/>
  <c r="G136" i="20"/>
  <c r="I400" i="20"/>
  <c r="D234" i="2" l="1"/>
  <c r="B228" i="2"/>
  <c r="B229" i="2" s="1"/>
  <c r="B230" i="2" s="1"/>
  <c r="E230" i="2"/>
  <c r="A134" i="34"/>
  <c r="H582" i="20"/>
  <c r="I581" i="20"/>
  <c r="D137" i="13"/>
  <c r="G136" i="13"/>
  <c r="E761" i="20"/>
  <c r="F761" i="20"/>
  <c r="G761" i="20" s="1"/>
  <c r="I401" i="20"/>
  <c r="H136" i="20"/>
  <c r="I136" i="20" s="1"/>
  <c r="I317" i="20"/>
  <c r="H135" i="13"/>
  <c r="I135" i="13"/>
  <c r="D403" i="20"/>
  <c r="G402" i="20"/>
  <c r="H402" i="20"/>
  <c r="D849" i="20"/>
  <c r="G848" i="20"/>
  <c r="H848" i="20"/>
  <c r="E138" i="20"/>
  <c r="F138" i="20" s="1"/>
  <c r="E498" i="20"/>
  <c r="F498" i="20" s="1"/>
  <c r="E674" i="20"/>
  <c r="F674" i="20" s="1"/>
  <c r="I496" i="20"/>
  <c r="H137" i="20"/>
  <c r="H230" i="20"/>
  <c r="H497" i="20"/>
  <c r="H673" i="20"/>
  <c r="I582" i="20"/>
  <c r="E944" i="20"/>
  <c r="F944" i="20" s="1"/>
  <c r="I672" i="20"/>
  <c r="I847" i="20"/>
  <c r="G137" i="20"/>
  <c r="G230" i="20"/>
  <c r="G497" i="20"/>
  <c r="G673" i="20"/>
  <c r="E318" i="20"/>
  <c r="F318" i="20" s="1"/>
  <c r="E231" i="20"/>
  <c r="F231" i="20" s="1"/>
  <c r="I229" i="20"/>
  <c r="E583" i="20"/>
  <c r="F583" i="20" s="1"/>
  <c r="I943" i="20"/>
  <c r="I848" i="20" l="1"/>
  <c r="D235" i="2"/>
  <c r="B233" i="2"/>
  <c r="A135" i="34"/>
  <c r="A136" i="34" s="1"/>
  <c r="D762" i="20"/>
  <c r="H761" i="20"/>
  <c r="I761" i="20" s="1"/>
  <c r="H136" i="13"/>
  <c r="I136" i="13"/>
  <c r="J135" i="13"/>
  <c r="E137" i="13"/>
  <c r="F137" i="13" s="1"/>
  <c r="D138" i="13" s="1"/>
  <c r="D232" i="20"/>
  <c r="H231" i="20"/>
  <c r="G231" i="20"/>
  <c r="D319" i="20"/>
  <c r="G318" i="20"/>
  <c r="H318" i="20"/>
  <c r="D499" i="20"/>
  <c r="H498" i="20"/>
  <c r="G498" i="20"/>
  <c r="D584" i="20"/>
  <c r="G583" i="20"/>
  <c r="H583" i="20"/>
  <c r="D139" i="20"/>
  <c r="G138" i="20"/>
  <c r="H138" i="20"/>
  <c r="D945" i="20"/>
  <c r="G944" i="20"/>
  <c r="H944" i="20"/>
  <c r="D675" i="20"/>
  <c r="G674" i="20"/>
  <c r="H674" i="20"/>
  <c r="E403" i="20"/>
  <c r="F403" i="20" s="1"/>
  <c r="I673" i="20"/>
  <c r="I137" i="20"/>
  <c r="E849" i="20"/>
  <c r="F849" i="20" s="1"/>
  <c r="I230" i="20"/>
  <c r="I497" i="20"/>
  <c r="I402" i="20"/>
  <c r="B234" i="2" l="1"/>
  <c r="B235" i="2" s="1"/>
  <c r="C19" i="20"/>
  <c r="A137" i="34"/>
  <c r="B139" i="34"/>
  <c r="B137" i="34"/>
  <c r="I318" i="20"/>
  <c r="J136" i="13"/>
  <c r="B136" i="34"/>
  <c r="D850" i="20"/>
  <c r="H849" i="20"/>
  <c r="G849" i="20"/>
  <c r="I849" i="20" s="1"/>
  <c r="D404" i="20"/>
  <c r="G403" i="20"/>
  <c r="H403" i="20"/>
  <c r="E138" i="13"/>
  <c r="F138" i="13" s="1"/>
  <c r="D139" i="13" s="1"/>
  <c r="G138" i="13"/>
  <c r="I231" i="20"/>
  <c r="E762" i="20"/>
  <c r="F762" i="20" s="1"/>
  <c r="I944" i="20"/>
  <c r="I583" i="20"/>
  <c r="I498" i="20"/>
  <c r="G137" i="13"/>
  <c r="E319" i="20"/>
  <c r="F319" i="20" s="1"/>
  <c r="I674" i="20"/>
  <c r="I138" i="20"/>
  <c r="E499" i="20"/>
  <c r="F499" i="20" s="1"/>
  <c r="D500" i="20" s="1"/>
  <c r="E945" i="20"/>
  <c r="F945" i="20" s="1"/>
  <c r="E584" i="20"/>
  <c r="F584" i="20" s="1"/>
  <c r="E675" i="20"/>
  <c r="F675" i="20" s="1"/>
  <c r="D676" i="20" s="1"/>
  <c r="E139" i="20"/>
  <c r="F139" i="20" s="1"/>
  <c r="E232" i="20"/>
  <c r="F232" i="20" s="1"/>
  <c r="A139" i="34" l="1"/>
  <c r="B140" i="34"/>
  <c r="C16" i="13"/>
  <c r="C16" i="20"/>
  <c r="B236" i="2"/>
  <c r="D350" i="2"/>
  <c r="D236" i="2"/>
  <c r="C19" i="13"/>
  <c r="D763" i="20"/>
  <c r="H762" i="20"/>
  <c r="E404" i="20"/>
  <c r="F404" i="20" s="1"/>
  <c r="I403" i="20"/>
  <c r="I137" i="13"/>
  <c r="H137" i="13"/>
  <c r="E850" i="20"/>
  <c r="F850" i="20" s="1"/>
  <c r="D851" i="20" s="1"/>
  <c r="E851" i="20" s="1"/>
  <c r="E763" i="20"/>
  <c r="F763" i="20" s="1"/>
  <c r="D764" i="20" s="1"/>
  <c r="H138" i="13"/>
  <c r="I138" i="13"/>
  <c r="J138" i="13" s="1"/>
  <c r="H499" i="20"/>
  <c r="E139" i="13"/>
  <c r="F139" i="13" s="1"/>
  <c r="D140" i="13" s="1"/>
  <c r="G499" i="20"/>
  <c r="G762" i="20"/>
  <c r="D233" i="20"/>
  <c r="G232" i="20"/>
  <c r="H232" i="20"/>
  <c r="D585" i="20"/>
  <c r="G584" i="20"/>
  <c r="H584" i="20"/>
  <c r="D140" i="20"/>
  <c r="G139" i="20"/>
  <c r="H139" i="20"/>
  <c r="D946" i="20"/>
  <c r="G945" i="20"/>
  <c r="H945" i="20"/>
  <c r="I945" i="20" s="1"/>
  <c r="D320" i="20"/>
  <c r="H319" i="20"/>
  <c r="G319" i="20"/>
  <c r="E676" i="20"/>
  <c r="F676" i="20" s="1"/>
  <c r="D677" i="20" s="1"/>
  <c r="H675" i="20"/>
  <c r="E500" i="20"/>
  <c r="F500" i="20" s="1"/>
  <c r="G675" i="20"/>
  <c r="I232" i="20" l="1"/>
  <c r="I762" i="20"/>
  <c r="G139" i="13"/>
  <c r="I139" i="13" s="1"/>
  <c r="J139" i="13" s="1"/>
  <c r="J137" i="13"/>
  <c r="B238" i="2"/>
  <c r="B240" i="2"/>
  <c r="B241" i="2" s="1"/>
  <c r="B242" i="2" s="1"/>
  <c r="B243" i="2" s="1"/>
  <c r="B244" i="2" s="1"/>
  <c r="E183" i="2"/>
  <c r="D171" i="2"/>
  <c r="B151" i="34"/>
  <c r="B144" i="34"/>
  <c r="A140" i="34"/>
  <c r="B202" i="34"/>
  <c r="D405" i="20"/>
  <c r="H404" i="20"/>
  <c r="G404" i="20"/>
  <c r="H139" i="13"/>
  <c r="E140" i="13"/>
  <c r="F140" i="13" s="1"/>
  <c r="I499" i="20"/>
  <c r="E764" i="20"/>
  <c r="F764" i="20" s="1"/>
  <c r="D765" i="20" s="1"/>
  <c r="E765" i="20" s="1"/>
  <c r="F765" i="20" s="1"/>
  <c r="D766" i="20" s="1"/>
  <c r="F851" i="20"/>
  <c r="H763" i="20"/>
  <c r="I584" i="20"/>
  <c r="H850" i="20"/>
  <c r="I850" i="20" s="1"/>
  <c r="G763" i="20"/>
  <c r="G850" i="20"/>
  <c r="D501" i="20"/>
  <c r="H500" i="20"/>
  <c r="G500" i="20"/>
  <c r="H676" i="20"/>
  <c r="E140" i="20"/>
  <c r="F140" i="20" s="1"/>
  <c r="I675" i="20"/>
  <c r="G676" i="20"/>
  <c r="I319" i="20"/>
  <c r="E946" i="20"/>
  <c r="F946" i="20" s="1"/>
  <c r="D947" i="20" s="1"/>
  <c r="E677" i="20"/>
  <c r="F677" i="20" s="1"/>
  <c r="E585" i="20"/>
  <c r="F585" i="20" s="1"/>
  <c r="H851" i="20"/>
  <c r="E320" i="20"/>
  <c r="F320" i="20" s="1"/>
  <c r="I139" i="20"/>
  <c r="E233" i="20"/>
  <c r="F233" i="20" s="1"/>
  <c r="G764" i="20" l="1"/>
  <c r="A143" i="34"/>
  <c r="B167" i="34"/>
  <c r="H765" i="20"/>
  <c r="I765" i="20" s="1"/>
  <c r="E248" i="2"/>
  <c r="B245" i="2"/>
  <c r="B246" i="2" s="1"/>
  <c r="B247" i="2" s="1"/>
  <c r="B248" i="2" s="1"/>
  <c r="B250" i="2" s="1"/>
  <c r="B251" i="2" s="1"/>
  <c r="B252" i="2" s="1"/>
  <c r="B253" i="2" s="1"/>
  <c r="B254" i="2" s="1"/>
  <c r="D141" i="13"/>
  <c r="E141" i="13" s="1"/>
  <c r="F141" i="13" s="1"/>
  <c r="G140" i="13"/>
  <c r="H140" i="13" s="1"/>
  <c r="I404" i="20"/>
  <c r="G765" i="20"/>
  <c r="I763" i="20"/>
  <c r="H764" i="20"/>
  <c r="I764" i="20" s="1"/>
  <c r="E405" i="20"/>
  <c r="F405" i="20" s="1"/>
  <c r="D678" i="20"/>
  <c r="G677" i="20"/>
  <c r="H677" i="20"/>
  <c r="I677" i="20" s="1"/>
  <c r="I500" i="20"/>
  <c r="D852" i="20"/>
  <c r="G851" i="20"/>
  <c r="I851" i="20" s="1"/>
  <c r="D586" i="20"/>
  <c r="H585" i="20"/>
  <c r="G585" i="20"/>
  <c r="D234" i="20"/>
  <c r="G233" i="20"/>
  <c r="H233" i="20"/>
  <c r="I233" i="20" s="1"/>
  <c r="D141" i="20"/>
  <c r="G140" i="20"/>
  <c r="H140" i="20"/>
  <c r="D321" i="20"/>
  <c r="H320" i="20"/>
  <c r="G320" i="20"/>
  <c r="E947" i="20"/>
  <c r="F947" i="20" s="1"/>
  <c r="E766" i="20"/>
  <c r="F766" i="20" s="1"/>
  <c r="I676" i="20"/>
  <c r="E678" i="20"/>
  <c r="F678" i="20" s="1"/>
  <c r="D679" i="20" s="1"/>
  <c r="H946" i="20"/>
  <c r="G946" i="20"/>
  <c r="E501" i="20"/>
  <c r="F501" i="20" s="1"/>
  <c r="I140" i="13" l="1"/>
  <c r="A144" i="34"/>
  <c r="A145" i="34" s="1"/>
  <c r="B206" i="34"/>
  <c r="D406" i="20"/>
  <c r="G405" i="20"/>
  <c r="H405" i="20"/>
  <c r="J140" i="13"/>
  <c r="E852" i="20"/>
  <c r="F852" i="20" s="1"/>
  <c r="D142" i="13"/>
  <c r="G141" i="13"/>
  <c r="D502" i="20"/>
  <c r="G501" i="20"/>
  <c r="H501" i="20"/>
  <c r="D948" i="20"/>
  <c r="G947" i="20"/>
  <c r="H947" i="20"/>
  <c r="D767" i="20"/>
  <c r="G766" i="20"/>
  <c r="H766" i="20"/>
  <c r="E234" i="20"/>
  <c r="F234" i="20" s="1"/>
  <c r="I946" i="20"/>
  <c r="I320" i="20"/>
  <c r="E141" i="20"/>
  <c r="F141" i="20" s="1"/>
  <c r="E679" i="20"/>
  <c r="F679" i="20" s="1"/>
  <c r="D680" i="20" s="1"/>
  <c r="H678" i="20"/>
  <c r="E321" i="20"/>
  <c r="F321" i="20"/>
  <c r="D322" i="20" s="1"/>
  <c r="I585" i="20"/>
  <c r="G678" i="20"/>
  <c r="I140" i="20"/>
  <c r="E586" i="20"/>
  <c r="F586" i="20" s="1"/>
  <c r="D587" i="20" s="1"/>
  <c r="G679" i="20" l="1"/>
  <c r="I405" i="20"/>
  <c r="A146" i="34"/>
  <c r="B208" i="34"/>
  <c r="I678" i="20"/>
  <c r="I947" i="20"/>
  <c r="E406" i="20"/>
  <c r="F406" i="20" s="1"/>
  <c r="D853" i="20"/>
  <c r="G852" i="20"/>
  <c r="H852" i="20"/>
  <c r="I852" i="20" s="1"/>
  <c r="I141" i="13"/>
  <c r="H141" i="13"/>
  <c r="E142" i="13"/>
  <c r="F142" i="13" s="1"/>
  <c r="I766" i="20"/>
  <c r="D142" i="20"/>
  <c r="H141" i="20"/>
  <c r="G141" i="20"/>
  <c r="D235" i="20"/>
  <c r="H234" i="20"/>
  <c r="G234" i="20"/>
  <c r="E587" i="20"/>
  <c r="F587" i="20" s="1"/>
  <c r="D588" i="20" s="1"/>
  <c r="E322" i="20"/>
  <c r="F322" i="20"/>
  <c r="D323" i="20" s="1"/>
  <c r="E680" i="20"/>
  <c r="F680" i="20" s="1"/>
  <c r="E948" i="20"/>
  <c r="F948" i="20" s="1"/>
  <c r="E502" i="20"/>
  <c r="F502" i="20" s="1"/>
  <c r="H586" i="20"/>
  <c r="H321" i="20"/>
  <c r="G586" i="20"/>
  <c r="G321" i="20"/>
  <c r="H679" i="20"/>
  <c r="I679" i="20" s="1"/>
  <c r="E767" i="20"/>
  <c r="F767" i="20" s="1"/>
  <c r="I501" i="20"/>
  <c r="A147" i="34" l="1"/>
  <c r="B209" i="34"/>
  <c r="D407" i="20"/>
  <c r="G406" i="20"/>
  <c r="H406" i="20"/>
  <c r="G322" i="20"/>
  <c r="D143" i="13"/>
  <c r="G142" i="13"/>
  <c r="D681" i="20"/>
  <c r="G680" i="20"/>
  <c r="H680" i="20"/>
  <c r="I680" i="20" s="1"/>
  <c r="E853" i="20"/>
  <c r="F853" i="20" s="1"/>
  <c r="D854" i="20" s="1"/>
  <c r="I141" i="20"/>
  <c r="J141" i="13"/>
  <c r="I234" i="20"/>
  <c r="G587" i="20"/>
  <c r="D949" i="20"/>
  <c r="G948" i="20"/>
  <c r="H948" i="20"/>
  <c r="D768" i="20"/>
  <c r="G767" i="20"/>
  <c r="H767" i="20"/>
  <c r="I767" i="20" s="1"/>
  <c r="D503" i="20"/>
  <c r="G502" i="20"/>
  <c r="H502" i="20"/>
  <c r="E323" i="20"/>
  <c r="F323" i="20" s="1"/>
  <c r="D324" i="20" s="1"/>
  <c r="E588" i="20"/>
  <c r="F588" i="20" s="1"/>
  <c r="D589" i="20" s="1"/>
  <c r="E235" i="20"/>
  <c r="F235" i="20" s="1"/>
  <c r="I321" i="20"/>
  <c r="E142" i="20"/>
  <c r="F142" i="20"/>
  <c r="D143" i="20" s="1"/>
  <c r="I586" i="20"/>
  <c r="E681" i="20"/>
  <c r="F681" i="20" s="1"/>
  <c r="H322" i="20"/>
  <c r="I322" i="20" s="1"/>
  <c r="H587" i="20"/>
  <c r="I587" i="20" l="1"/>
  <c r="B152" i="34"/>
  <c r="A150" i="34"/>
  <c r="E407" i="20"/>
  <c r="F407" i="20" s="1"/>
  <c r="D408" i="20" s="1"/>
  <c r="G853" i="20"/>
  <c r="H853" i="20"/>
  <c r="I853" i="20" s="1"/>
  <c r="I406" i="20"/>
  <c r="H142" i="13"/>
  <c r="I142" i="13"/>
  <c r="G142" i="20"/>
  <c r="E143" i="13"/>
  <c r="F143" i="13" s="1"/>
  <c r="D144" i="13" s="1"/>
  <c r="I502" i="20"/>
  <c r="I948" i="20"/>
  <c r="E854" i="20"/>
  <c r="F854" i="20" s="1"/>
  <c r="D682" i="20"/>
  <c r="G681" i="20"/>
  <c r="H681" i="20"/>
  <c r="D236" i="20"/>
  <c r="G235" i="20"/>
  <c r="H235" i="20"/>
  <c r="I235" i="20" s="1"/>
  <c r="E324" i="20"/>
  <c r="F324" i="20" s="1"/>
  <c r="H588" i="20"/>
  <c r="H323" i="20"/>
  <c r="E768" i="20"/>
  <c r="F768" i="20" s="1"/>
  <c r="E589" i="20"/>
  <c r="F589" i="20" s="1"/>
  <c r="E143" i="20"/>
  <c r="F143" i="20" s="1"/>
  <c r="H142" i="20"/>
  <c r="G588" i="20"/>
  <c r="G323" i="20"/>
  <c r="E503" i="20"/>
  <c r="F503" i="20" s="1"/>
  <c r="E949" i="20"/>
  <c r="F949" i="20" s="1"/>
  <c r="A151" i="34" l="1"/>
  <c r="G407" i="20"/>
  <c r="E408" i="20"/>
  <c r="F408" i="20" s="1"/>
  <c r="D409" i="20" s="1"/>
  <c r="I142" i="20"/>
  <c r="J142" i="13"/>
  <c r="H407" i="20"/>
  <c r="I407" i="20" s="1"/>
  <c r="D855" i="20"/>
  <c r="H854" i="20"/>
  <c r="G854" i="20"/>
  <c r="I681" i="20"/>
  <c r="E144" i="13"/>
  <c r="F144" i="13" s="1"/>
  <c r="D145" i="13" s="1"/>
  <c r="G143" i="13"/>
  <c r="D504" i="20"/>
  <c r="G503" i="20"/>
  <c r="H503" i="20"/>
  <c r="D769" i="20"/>
  <c r="G768" i="20"/>
  <c r="H768" i="20"/>
  <c r="I768" i="20" s="1"/>
  <c r="D325" i="20"/>
  <c r="H324" i="20"/>
  <c r="G324" i="20"/>
  <c r="D590" i="20"/>
  <c r="G589" i="20"/>
  <c r="H589" i="20"/>
  <c r="D950" i="20"/>
  <c r="G949" i="20"/>
  <c r="H949" i="20"/>
  <c r="D144" i="20"/>
  <c r="H143" i="20"/>
  <c r="G143" i="20"/>
  <c r="I323" i="20"/>
  <c r="E236" i="20"/>
  <c r="F236" i="20" s="1"/>
  <c r="I588" i="20"/>
  <c r="E682" i="20"/>
  <c r="F682" i="20" s="1"/>
  <c r="D683" i="20" s="1"/>
  <c r="A152" i="34" l="1"/>
  <c r="E409" i="20"/>
  <c r="F409" i="20" s="1"/>
  <c r="D410" i="20" s="1"/>
  <c r="E410" i="20" s="1"/>
  <c r="F410" i="20" s="1"/>
  <c r="D411" i="20" s="1"/>
  <c r="H409" i="20"/>
  <c r="G408" i="20"/>
  <c r="H408" i="20"/>
  <c r="I143" i="20"/>
  <c r="H143" i="13"/>
  <c r="I143" i="13"/>
  <c r="J143" i="13" s="1"/>
  <c r="I854" i="20"/>
  <c r="E145" i="13"/>
  <c r="F145" i="13" s="1"/>
  <c r="I949" i="20"/>
  <c r="G144" i="13"/>
  <c r="E855" i="20"/>
  <c r="F855" i="20" s="1"/>
  <c r="D237" i="20"/>
  <c r="G236" i="20"/>
  <c r="H236" i="20"/>
  <c r="G410" i="20"/>
  <c r="E325" i="20"/>
  <c r="F325" i="20" s="1"/>
  <c r="E769" i="20"/>
  <c r="F769" i="20" s="1"/>
  <c r="E590" i="20"/>
  <c r="F590" i="20" s="1"/>
  <c r="D591" i="20" s="1"/>
  <c r="I503" i="20"/>
  <c r="H682" i="20"/>
  <c r="E950" i="20"/>
  <c r="F950" i="20" s="1"/>
  <c r="E683" i="20"/>
  <c r="F683" i="20" s="1"/>
  <c r="G682" i="20"/>
  <c r="E144" i="20"/>
  <c r="F144" i="20" s="1"/>
  <c r="D145" i="20" s="1"/>
  <c r="I589" i="20"/>
  <c r="I324" i="20"/>
  <c r="E504" i="20"/>
  <c r="F504" i="20" s="1"/>
  <c r="I408" i="20" l="1"/>
  <c r="A153" i="34"/>
  <c r="H410" i="20"/>
  <c r="I410" i="20" s="1"/>
  <c r="G409" i="20"/>
  <c r="I409" i="20" s="1"/>
  <c r="D856" i="20"/>
  <c r="G855" i="20"/>
  <c r="D684" i="20"/>
  <c r="E684" i="20" s="1"/>
  <c r="F684" i="20" s="1"/>
  <c r="G683" i="20"/>
  <c r="D770" i="20"/>
  <c r="H769" i="20"/>
  <c r="D146" i="13"/>
  <c r="G145" i="13"/>
  <c r="D951" i="20"/>
  <c r="G950" i="20"/>
  <c r="G590" i="20"/>
  <c r="H855" i="20"/>
  <c r="H144" i="13"/>
  <c r="I144" i="13"/>
  <c r="J144" i="13" s="1"/>
  <c r="E856" i="20"/>
  <c r="F856" i="20" s="1"/>
  <c r="D326" i="20"/>
  <c r="G325" i="20"/>
  <c r="H325" i="20"/>
  <c r="D505" i="20"/>
  <c r="H504" i="20"/>
  <c r="G504" i="20"/>
  <c r="E411" i="20"/>
  <c r="F411" i="20" s="1"/>
  <c r="G769" i="20"/>
  <c r="I236" i="20"/>
  <c r="I682" i="20"/>
  <c r="H144" i="20"/>
  <c r="E951" i="20"/>
  <c r="E591" i="20"/>
  <c r="F591" i="20" s="1"/>
  <c r="E770" i="20"/>
  <c r="F770" i="20" s="1"/>
  <c r="D771" i="20" s="1"/>
  <c r="E145" i="20"/>
  <c r="F145" i="20" s="1"/>
  <c r="D146" i="20" s="1"/>
  <c r="G144" i="20"/>
  <c r="H683" i="20"/>
  <c r="H950" i="20"/>
  <c r="I950" i="20" s="1"/>
  <c r="H590" i="20"/>
  <c r="E237" i="20"/>
  <c r="F237" i="20" s="1"/>
  <c r="F951" i="20" l="1"/>
  <c r="D952" i="20" s="1"/>
  <c r="A155" i="34"/>
  <c r="B155" i="34"/>
  <c r="B156" i="34"/>
  <c r="I769" i="20"/>
  <c r="I855" i="20"/>
  <c r="B157" i="34"/>
  <c r="I590" i="20"/>
  <c r="I683" i="20"/>
  <c r="I325" i="20"/>
  <c r="D857" i="20"/>
  <c r="G856" i="20"/>
  <c r="H856" i="20"/>
  <c r="E146" i="13"/>
  <c r="F146" i="13" s="1"/>
  <c r="D147" i="13" s="1"/>
  <c r="H145" i="13"/>
  <c r="I145" i="13"/>
  <c r="D592" i="20"/>
  <c r="G591" i="20"/>
  <c r="H591" i="20"/>
  <c r="D412" i="20"/>
  <c r="G411" i="20"/>
  <c r="H411" i="20"/>
  <c r="I411" i="20" s="1"/>
  <c r="D238" i="20"/>
  <c r="G237" i="20"/>
  <c r="H237" i="20"/>
  <c r="D685" i="20"/>
  <c r="G684" i="20"/>
  <c r="H684" i="20"/>
  <c r="E952" i="20"/>
  <c r="F952" i="20" s="1"/>
  <c r="H145" i="20"/>
  <c r="H770" i="20"/>
  <c r="H951" i="20"/>
  <c r="I144" i="20"/>
  <c r="E146" i="20"/>
  <c r="F146" i="20" s="1"/>
  <c r="D147" i="20" s="1"/>
  <c r="E505" i="20"/>
  <c r="F505" i="20" s="1"/>
  <c r="G145" i="20"/>
  <c r="G770" i="20"/>
  <c r="G951" i="20"/>
  <c r="E771" i="20"/>
  <c r="F771" i="20" s="1"/>
  <c r="I504" i="20"/>
  <c r="E326" i="20"/>
  <c r="F326" i="20" s="1"/>
  <c r="D327" i="20" s="1"/>
  <c r="A156" i="34" l="1"/>
  <c r="I856" i="20"/>
  <c r="E147" i="13"/>
  <c r="F147" i="13" s="1"/>
  <c r="D148" i="13" s="1"/>
  <c r="E857" i="20"/>
  <c r="F857" i="20" s="1"/>
  <c r="D858" i="20" s="1"/>
  <c r="I684" i="20"/>
  <c r="J145" i="13"/>
  <c r="G146" i="13"/>
  <c r="D953" i="20"/>
  <c r="H952" i="20"/>
  <c r="G952" i="20"/>
  <c r="D772" i="20"/>
  <c r="G771" i="20"/>
  <c r="H771" i="20"/>
  <c r="D506" i="20"/>
  <c r="G505" i="20"/>
  <c r="H505" i="20"/>
  <c r="I145" i="20"/>
  <c r="E412" i="20"/>
  <c r="F412" i="20" s="1"/>
  <c r="H326" i="20"/>
  <c r="H146" i="20"/>
  <c r="E238" i="20"/>
  <c r="F238" i="20" s="1"/>
  <c r="I591" i="20"/>
  <c r="E327" i="20"/>
  <c r="F327" i="20" s="1"/>
  <c r="E147" i="20"/>
  <c r="F147" i="20" s="1"/>
  <c r="D148" i="20" s="1"/>
  <c r="G326" i="20"/>
  <c r="G146" i="20"/>
  <c r="I951" i="20"/>
  <c r="E685" i="20"/>
  <c r="F685" i="20" s="1"/>
  <c r="I770" i="20"/>
  <c r="I237" i="20"/>
  <c r="E592" i="20"/>
  <c r="F592" i="20" s="1"/>
  <c r="H857" i="20" l="1"/>
  <c r="A157" i="34"/>
  <c r="E148" i="13"/>
  <c r="F148" i="13" s="1"/>
  <c r="D149" i="13" s="1"/>
  <c r="E149" i="13" s="1"/>
  <c r="F149" i="13" s="1"/>
  <c r="D150" i="13" s="1"/>
  <c r="G148" i="13"/>
  <c r="I771" i="20"/>
  <c r="I952" i="20"/>
  <c r="G857" i="20"/>
  <c r="I857" i="20" s="1"/>
  <c r="G147" i="20"/>
  <c r="I146" i="13"/>
  <c r="H146" i="13"/>
  <c r="E858" i="20"/>
  <c r="F858" i="20" s="1"/>
  <c r="D859" i="20" s="1"/>
  <c r="G147" i="13"/>
  <c r="D413" i="20"/>
  <c r="H412" i="20"/>
  <c r="G412" i="20"/>
  <c r="D239" i="20"/>
  <c r="G238" i="20"/>
  <c r="H238" i="20"/>
  <c r="D328" i="20"/>
  <c r="H327" i="20"/>
  <c r="G327" i="20"/>
  <c r="D593" i="20"/>
  <c r="H592" i="20"/>
  <c r="G592" i="20"/>
  <c r="D686" i="20"/>
  <c r="H685" i="20"/>
  <c r="G685" i="20"/>
  <c r="E772" i="20"/>
  <c r="F772" i="20" s="1"/>
  <c r="D773" i="20" s="1"/>
  <c r="I146" i="20"/>
  <c r="E506" i="20"/>
  <c r="F506" i="20" s="1"/>
  <c r="E148" i="20"/>
  <c r="F148" i="20" s="1"/>
  <c r="I326" i="20"/>
  <c r="H147" i="20"/>
  <c r="I505" i="20"/>
  <c r="E953" i="20"/>
  <c r="F953" i="20" s="1"/>
  <c r="G149" i="13" l="1"/>
  <c r="A159" i="34"/>
  <c r="A161" i="34" s="1"/>
  <c r="A162" i="34" s="1"/>
  <c r="A163" i="34" s="1"/>
  <c r="A166" i="34" s="1"/>
  <c r="H858" i="20"/>
  <c r="J146" i="13"/>
  <c r="I238" i="20"/>
  <c r="G858" i="20"/>
  <c r="I147" i="20"/>
  <c r="E859" i="20"/>
  <c r="F859" i="20" s="1"/>
  <c r="I147" i="13"/>
  <c r="H147" i="13"/>
  <c r="I148" i="13"/>
  <c r="H148" i="13"/>
  <c r="I412" i="20"/>
  <c r="D954" i="20"/>
  <c r="G953" i="20"/>
  <c r="H953" i="20"/>
  <c r="D149" i="20"/>
  <c r="G148" i="20"/>
  <c r="H148" i="20"/>
  <c r="I148" i="20" s="1"/>
  <c r="D507" i="20"/>
  <c r="G506" i="20"/>
  <c r="H506" i="20"/>
  <c r="E773" i="20"/>
  <c r="F773" i="20" s="1"/>
  <c r="H149" i="13"/>
  <c r="I149" i="13"/>
  <c r="E593" i="20"/>
  <c r="F593" i="20" s="1"/>
  <c r="D594" i="20" s="1"/>
  <c r="H772" i="20"/>
  <c r="E150" i="13"/>
  <c r="F150" i="13" s="1"/>
  <c r="E413" i="20"/>
  <c r="F413" i="20" s="1"/>
  <c r="D414" i="20" s="1"/>
  <c r="G772" i="20"/>
  <c r="I685" i="20"/>
  <c r="I327" i="20"/>
  <c r="E239" i="20"/>
  <c r="F239" i="20" s="1"/>
  <c r="D240" i="20" s="1"/>
  <c r="E686" i="20"/>
  <c r="F686" i="20" s="1"/>
  <c r="I592" i="20"/>
  <c r="E328" i="20"/>
  <c r="F328" i="20" s="1"/>
  <c r="D329" i="20" s="1"/>
  <c r="A167" i="34" l="1"/>
  <c r="B171" i="34"/>
  <c r="I858" i="20"/>
  <c r="J149" i="13"/>
  <c r="D860" i="20"/>
  <c r="H859" i="20"/>
  <c r="G859" i="20"/>
  <c r="J147" i="13"/>
  <c r="I772" i="20"/>
  <c r="G328" i="20"/>
  <c r="I953" i="20"/>
  <c r="J148" i="13"/>
  <c r="D151" i="13"/>
  <c r="G150" i="13"/>
  <c r="D687" i="20"/>
  <c r="H686" i="20"/>
  <c r="G686" i="20"/>
  <c r="D774" i="20"/>
  <c r="H773" i="20"/>
  <c r="G773" i="20"/>
  <c r="E329" i="20"/>
  <c r="F329" i="20" s="1"/>
  <c r="D330" i="20" s="1"/>
  <c r="H239" i="20"/>
  <c r="H413" i="20"/>
  <c r="H593" i="20"/>
  <c r="E507" i="20"/>
  <c r="F507" i="20" s="1"/>
  <c r="E240" i="20"/>
  <c r="F240" i="20" s="1"/>
  <c r="E414" i="20"/>
  <c r="F414" i="20" s="1"/>
  <c r="E594" i="20"/>
  <c r="F594" i="20" s="1"/>
  <c r="E149" i="20"/>
  <c r="F149" i="20" s="1"/>
  <c r="D150" i="20" s="1"/>
  <c r="G239" i="20"/>
  <c r="G413" i="20"/>
  <c r="G593" i="20"/>
  <c r="H328" i="20"/>
  <c r="I506" i="20"/>
  <c r="E954" i="20"/>
  <c r="F954" i="20" s="1"/>
  <c r="I328" i="20" l="1"/>
  <c r="A168" i="34"/>
  <c r="B172" i="34"/>
  <c r="I859" i="20"/>
  <c r="E860" i="20"/>
  <c r="F860" i="20" s="1"/>
  <c r="I239" i="20"/>
  <c r="D595" i="20"/>
  <c r="G594" i="20"/>
  <c r="H594" i="20"/>
  <c r="D241" i="20"/>
  <c r="G240" i="20"/>
  <c r="H240" i="20"/>
  <c r="I240" i="20" s="1"/>
  <c r="D415" i="20"/>
  <c r="G414" i="20"/>
  <c r="H414" i="20"/>
  <c r="D955" i="20"/>
  <c r="H954" i="20"/>
  <c r="G954" i="20"/>
  <c r="D508" i="20"/>
  <c r="G507" i="20"/>
  <c r="H507" i="20"/>
  <c r="H329" i="20"/>
  <c r="I686" i="20"/>
  <c r="H149" i="20"/>
  <c r="I593" i="20"/>
  <c r="G329" i="20"/>
  <c r="I773" i="20"/>
  <c r="E687" i="20"/>
  <c r="F687" i="20" s="1"/>
  <c r="E150" i="20"/>
  <c r="F150" i="20" s="1"/>
  <c r="E330" i="20"/>
  <c r="F330" i="20" s="1"/>
  <c r="E151" i="13"/>
  <c r="F151" i="13" s="1"/>
  <c r="D152" i="13" s="1"/>
  <c r="G149" i="20"/>
  <c r="I413" i="20"/>
  <c r="E774" i="20"/>
  <c r="F774" i="20"/>
  <c r="D775" i="20" s="1"/>
  <c r="H774" i="20"/>
  <c r="H150" i="13"/>
  <c r="I150" i="13"/>
  <c r="A171" i="34" l="1"/>
  <c r="A172" i="34" s="1"/>
  <c r="A173" i="34" s="1"/>
  <c r="A174" i="34" s="1"/>
  <c r="A183" i="34" s="1"/>
  <c r="A184" i="34" s="1"/>
  <c r="A185" i="34" s="1"/>
  <c r="A186" i="34" s="1"/>
  <c r="A187" i="34" s="1"/>
  <c r="A188" i="34" s="1"/>
  <c r="B173" i="34"/>
  <c r="D861" i="20"/>
  <c r="G860" i="20"/>
  <c r="H860" i="20"/>
  <c r="D688" i="20"/>
  <c r="E688" i="20" s="1"/>
  <c r="F688" i="20" s="1"/>
  <c r="G687" i="20"/>
  <c r="J150" i="13"/>
  <c r="D151" i="20"/>
  <c r="G150" i="20"/>
  <c r="H150" i="20"/>
  <c r="D331" i="20"/>
  <c r="G330" i="20"/>
  <c r="H330" i="20"/>
  <c r="E152" i="13"/>
  <c r="F152" i="13" s="1"/>
  <c r="E241" i="20"/>
  <c r="F241" i="20" s="1"/>
  <c r="D242" i="20" s="1"/>
  <c r="G774" i="20"/>
  <c r="I774" i="20" s="1"/>
  <c r="I507" i="20"/>
  <c r="I954" i="20"/>
  <c r="E415" i="20"/>
  <c r="F415" i="20" s="1"/>
  <c r="I594" i="20"/>
  <c r="I329" i="20"/>
  <c r="E775" i="20"/>
  <c r="F775" i="20" s="1"/>
  <c r="D776" i="20" s="1"/>
  <c r="I149" i="20"/>
  <c r="E955" i="20"/>
  <c r="F955" i="20"/>
  <c r="D956" i="20" s="1"/>
  <c r="G151" i="13"/>
  <c r="H687" i="20"/>
  <c r="E508" i="20"/>
  <c r="F508" i="20"/>
  <c r="D509" i="20" s="1"/>
  <c r="I414" i="20"/>
  <c r="E595" i="20"/>
  <c r="F595" i="20" s="1"/>
  <c r="D596" i="20" s="1"/>
  <c r="I687" i="20" l="1"/>
  <c r="I860" i="20"/>
  <c r="A190" i="34"/>
  <c r="B213" i="34"/>
  <c r="G508" i="20"/>
  <c r="I330" i="20"/>
  <c r="D416" i="20"/>
  <c r="E416" i="20" s="1"/>
  <c r="F416" i="20" s="1"/>
  <c r="G415" i="20"/>
  <c r="H955" i="20"/>
  <c r="G595" i="20"/>
  <c r="H508" i="20"/>
  <c r="I508" i="20" s="1"/>
  <c r="G955" i="20"/>
  <c r="E861" i="20"/>
  <c r="F861" i="20" s="1"/>
  <c r="D862" i="20" s="1"/>
  <c r="D153" i="13"/>
  <c r="G152" i="13"/>
  <c r="D689" i="20"/>
  <c r="G688" i="20"/>
  <c r="H688" i="20"/>
  <c r="E776" i="20"/>
  <c r="F776" i="20" s="1"/>
  <c r="E242" i="20"/>
  <c r="F242" i="20" s="1"/>
  <c r="E596" i="20"/>
  <c r="F596" i="20"/>
  <c r="D597" i="20" s="1"/>
  <c r="H151" i="13"/>
  <c r="I151" i="13"/>
  <c r="J151" i="13" s="1"/>
  <c r="H775" i="20"/>
  <c r="E151" i="20"/>
  <c r="F151" i="20"/>
  <c r="D152" i="20" s="1"/>
  <c r="E509" i="20"/>
  <c r="F509" i="20" s="1"/>
  <c r="D510" i="20" s="1"/>
  <c r="E956" i="20"/>
  <c r="F956" i="20" s="1"/>
  <c r="G775" i="20"/>
  <c r="H241" i="20"/>
  <c r="E331" i="20"/>
  <c r="F331" i="20" s="1"/>
  <c r="D332" i="20" s="1"/>
  <c r="H595" i="20"/>
  <c r="H415" i="20"/>
  <c r="G241" i="20"/>
  <c r="I150" i="20"/>
  <c r="H509" i="20" l="1"/>
  <c r="H151" i="20"/>
  <c r="B187" i="34"/>
  <c r="A193" i="34"/>
  <c r="A194" i="34" s="1"/>
  <c r="A195" i="34" s="1"/>
  <c r="A196" i="34" s="1"/>
  <c r="A197" i="34" s="1"/>
  <c r="A198" i="34" s="1"/>
  <c r="A199" i="34" s="1"/>
  <c r="G509" i="20"/>
  <c r="G151" i="20"/>
  <c r="I775" i="20"/>
  <c r="I241" i="20"/>
  <c r="I415" i="20"/>
  <c r="I595" i="20"/>
  <c r="D243" i="20"/>
  <c r="G242" i="20"/>
  <c r="D777" i="20"/>
  <c r="G776" i="20"/>
  <c r="I509" i="20"/>
  <c r="I151" i="20"/>
  <c r="G596" i="20"/>
  <c r="E862" i="20"/>
  <c r="F862" i="20" s="1"/>
  <c r="D863" i="20" s="1"/>
  <c r="G861" i="20"/>
  <c r="H861" i="20"/>
  <c r="I955" i="20"/>
  <c r="D417" i="20"/>
  <c r="H416" i="20"/>
  <c r="G416" i="20"/>
  <c r="D957" i="20"/>
  <c r="G956" i="20"/>
  <c r="H956" i="20"/>
  <c r="I956" i="20" s="1"/>
  <c r="E332" i="20"/>
  <c r="F332" i="20" s="1"/>
  <c r="D333" i="20" s="1"/>
  <c r="E597" i="20"/>
  <c r="F597" i="20"/>
  <c r="D598" i="20" s="1"/>
  <c r="E243" i="20"/>
  <c r="F243" i="20" s="1"/>
  <c r="D244" i="20" s="1"/>
  <c r="E777" i="20"/>
  <c r="F777" i="20" s="1"/>
  <c r="D778" i="20" s="1"/>
  <c r="E689" i="20"/>
  <c r="F689" i="20" s="1"/>
  <c r="D690" i="20" s="1"/>
  <c r="H331" i="20"/>
  <c r="E510" i="20"/>
  <c r="F510" i="20" s="1"/>
  <c r="E152" i="20"/>
  <c r="F152" i="20" s="1"/>
  <c r="H152" i="13"/>
  <c r="I152" i="13"/>
  <c r="G331" i="20"/>
  <c r="H596" i="20"/>
  <c r="H242" i="20"/>
  <c r="H776" i="20"/>
  <c r="I776" i="20" s="1"/>
  <c r="I688" i="20"/>
  <c r="E153" i="13"/>
  <c r="F153" i="13" s="1"/>
  <c r="D154" i="13" s="1"/>
  <c r="I242" i="20" l="1"/>
  <c r="E241" i="2"/>
  <c r="A202" i="34"/>
  <c r="B229" i="34"/>
  <c r="I861" i="20"/>
  <c r="H862" i="20"/>
  <c r="I596" i="20"/>
  <c r="G862" i="20"/>
  <c r="I416" i="20"/>
  <c r="E863" i="20"/>
  <c r="F863" i="20" s="1"/>
  <c r="D511" i="20"/>
  <c r="G510" i="20"/>
  <c r="H510" i="20"/>
  <c r="D153" i="20"/>
  <c r="G152" i="20"/>
  <c r="H152" i="20"/>
  <c r="I152" i="20" s="1"/>
  <c r="E244" i="20"/>
  <c r="F244" i="20" s="1"/>
  <c r="E598" i="20"/>
  <c r="F598" i="20" s="1"/>
  <c r="D599" i="20" s="1"/>
  <c r="E333" i="20"/>
  <c r="F333" i="20" s="1"/>
  <c r="D334" i="20" s="1"/>
  <c r="E957" i="20"/>
  <c r="F957" i="20" s="1"/>
  <c r="D958" i="20" s="1"/>
  <c r="I331" i="20"/>
  <c r="E778" i="20"/>
  <c r="F778" i="20" s="1"/>
  <c r="G153" i="13"/>
  <c r="H689" i="20"/>
  <c r="H777" i="20"/>
  <c r="H243" i="20"/>
  <c r="H597" i="20"/>
  <c r="H332" i="20"/>
  <c r="E154" i="13"/>
  <c r="F154" i="13" s="1"/>
  <c r="E690" i="20"/>
  <c r="F690" i="20"/>
  <c r="D691" i="20" s="1"/>
  <c r="J152" i="13"/>
  <c r="G689" i="20"/>
  <c r="G777" i="20"/>
  <c r="G243" i="20"/>
  <c r="G597" i="20"/>
  <c r="G332" i="20"/>
  <c r="E417" i="20"/>
  <c r="F417" i="20" s="1"/>
  <c r="B207" i="34" l="1"/>
  <c r="A203" i="34"/>
  <c r="B214" i="34"/>
  <c r="I777" i="20"/>
  <c r="I862" i="20"/>
  <c r="D864" i="20"/>
  <c r="H863" i="20"/>
  <c r="G863" i="20"/>
  <c r="D418" i="20"/>
  <c r="G417" i="20"/>
  <c r="H417" i="20"/>
  <c r="D245" i="20"/>
  <c r="G244" i="20"/>
  <c r="H244" i="20"/>
  <c r="D155" i="13"/>
  <c r="G154" i="13"/>
  <c r="D779" i="20"/>
  <c r="G778" i="20"/>
  <c r="H778" i="20"/>
  <c r="E691" i="20"/>
  <c r="F691" i="20" s="1"/>
  <c r="E958" i="20"/>
  <c r="F958" i="20" s="1"/>
  <c r="E334" i="20"/>
  <c r="F334" i="20" s="1"/>
  <c r="E599" i="20"/>
  <c r="F599" i="20" s="1"/>
  <c r="I332" i="20"/>
  <c r="I689" i="20"/>
  <c r="H957" i="20"/>
  <c r="H333" i="20"/>
  <c r="H598" i="20"/>
  <c r="E511" i="20"/>
  <c r="F511" i="20" s="1"/>
  <c r="D512" i="20" s="1"/>
  <c r="H690" i="20"/>
  <c r="I597" i="20"/>
  <c r="H153" i="13"/>
  <c r="I153" i="13"/>
  <c r="J153" i="13" s="1"/>
  <c r="G957" i="20"/>
  <c r="G333" i="20"/>
  <c r="G598" i="20"/>
  <c r="E153" i="20"/>
  <c r="F153" i="20"/>
  <c r="D154" i="20" s="1"/>
  <c r="G690" i="20"/>
  <c r="I243" i="20"/>
  <c r="I510" i="20"/>
  <c r="I690" i="20" l="1"/>
  <c r="B230" i="34"/>
  <c r="E242" i="2"/>
  <c r="A206" i="34"/>
  <c r="G153" i="20"/>
  <c r="I598" i="20"/>
  <c r="I957" i="20"/>
  <c r="I244" i="20"/>
  <c r="I863" i="20"/>
  <c r="E864" i="20"/>
  <c r="F864" i="20" s="1"/>
  <c r="D865" i="20" s="1"/>
  <c r="E865" i="20" s="1"/>
  <c r="F865" i="20" s="1"/>
  <c r="D866" i="20"/>
  <c r="G865" i="20"/>
  <c r="D692" i="20"/>
  <c r="H691" i="20"/>
  <c r="G691" i="20"/>
  <c r="D335" i="20"/>
  <c r="H334" i="20"/>
  <c r="G334" i="20"/>
  <c r="D600" i="20"/>
  <c r="H599" i="20"/>
  <c r="G599" i="20"/>
  <c r="D959" i="20"/>
  <c r="H958" i="20"/>
  <c r="G958" i="20"/>
  <c r="E512" i="20"/>
  <c r="F512" i="20" s="1"/>
  <c r="E154" i="20"/>
  <c r="F154" i="20" s="1"/>
  <c r="E779" i="20"/>
  <c r="F779" i="20" s="1"/>
  <c r="E418" i="20"/>
  <c r="F418" i="20" s="1"/>
  <c r="D419" i="20" s="1"/>
  <c r="H511" i="20"/>
  <c r="H154" i="13"/>
  <c r="I154" i="13"/>
  <c r="J154" i="13" s="1"/>
  <c r="E245" i="20"/>
  <c r="F245" i="20" s="1"/>
  <c r="D246" i="20" s="1"/>
  <c r="H153" i="20"/>
  <c r="I153" i="20" s="1"/>
  <c r="G511" i="20"/>
  <c r="I333" i="20"/>
  <c r="I778" i="20"/>
  <c r="E155" i="13"/>
  <c r="F155" i="13" s="1"/>
  <c r="I417" i="20"/>
  <c r="E244" i="2" l="1"/>
  <c r="A207" i="34"/>
  <c r="I691" i="20"/>
  <c r="D156" i="13"/>
  <c r="E156" i="13" s="1"/>
  <c r="F156" i="13" s="1"/>
  <c r="G155" i="13"/>
  <c r="H155" i="13" s="1"/>
  <c r="H864" i="20"/>
  <c r="H865" i="20"/>
  <c r="I865" i="20" s="1"/>
  <c r="G864" i="20"/>
  <c r="D155" i="20"/>
  <c r="G154" i="20"/>
  <c r="H154" i="20"/>
  <c r="D513" i="20"/>
  <c r="G512" i="20"/>
  <c r="H512" i="20"/>
  <c r="I512" i="20" s="1"/>
  <c r="D780" i="20"/>
  <c r="G779" i="20"/>
  <c r="H779" i="20"/>
  <c r="I511" i="20"/>
  <c r="E959" i="20"/>
  <c r="F959" i="20"/>
  <c r="D960" i="20" s="1"/>
  <c r="H418" i="20"/>
  <c r="I334" i="20"/>
  <c r="E692" i="20"/>
  <c r="F692" i="20" s="1"/>
  <c r="D693" i="20" s="1"/>
  <c r="H245" i="20"/>
  <c r="G418" i="20"/>
  <c r="I599" i="20"/>
  <c r="E335" i="20"/>
  <c r="F335" i="20" s="1"/>
  <c r="D336" i="20" s="1"/>
  <c r="G245" i="20"/>
  <c r="I958" i="20"/>
  <c r="E600" i="20"/>
  <c r="F600" i="20" s="1"/>
  <c r="D601" i="20" s="1"/>
  <c r="E246" i="20"/>
  <c r="F246" i="20" s="1"/>
  <c r="E419" i="20"/>
  <c r="F419" i="20" s="1"/>
  <c r="D420" i="20" s="1"/>
  <c r="E866" i="20"/>
  <c r="F866" i="20" s="1"/>
  <c r="D867" i="20" s="1"/>
  <c r="I418" i="20" l="1"/>
  <c r="A208" i="34"/>
  <c r="E245" i="2"/>
  <c r="I245" i="20"/>
  <c r="H600" i="20"/>
  <c r="G600" i="20"/>
  <c r="I600" i="20" s="1"/>
  <c r="I154" i="20"/>
  <c r="I864" i="20"/>
  <c r="I155" i="13"/>
  <c r="J155" i="13" s="1"/>
  <c r="D157" i="13"/>
  <c r="G156" i="13"/>
  <c r="D247" i="20"/>
  <c r="G246" i="20"/>
  <c r="H246" i="20"/>
  <c r="E513" i="20"/>
  <c r="F513" i="20" s="1"/>
  <c r="H692" i="20"/>
  <c r="E780" i="20"/>
  <c r="F780" i="20" s="1"/>
  <c r="E867" i="20"/>
  <c r="F867" i="20"/>
  <c r="D868" i="20" s="1"/>
  <c r="E336" i="20"/>
  <c r="F336" i="20" s="1"/>
  <c r="E693" i="20"/>
  <c r="F693" i="20" s="1"/>
  <c r="D694" i="20" s="1"/>
  <c r="H866" i="20"/>
  <c r="H419" i="20"/>
  <c r="E601" i="20"/>
  <c r="F601" i="20" s="1"/>
  <c r="H335" i="20"/>
  <c r="G692" i="20"/>
  <c r="H959" i="20"/>
  <c r="E420" i="20"/>
  <c r="F420" i="20" s="1"/>
  <c r="D421" i="20" s="1"/>
  <c r="E960" i="20"/>
  <c r="F960" i="20" s="1"/>
  <c r="D961" i="20" s="1"/>
  <c r="G866" i="20"/>
  <c r="G419" i="20"/>
  <c r="G335" i="20"/>
  <c r="G959" i="20"/>
  <c r="I779" i="20"/>
  <c r="E155" i="20"/>
  <c r="F155" i="20" s="1"/>
  <c r="I419" i="20" l="1"/>
  <c r="A209" i="34"/>
  <c r="E246" i="2"/>
  <c r="D156" i="20"/>
  <c r="G155" i="20"/>
  <c r="D514" i="20"/>
  <c r="G513" i="20"/>
  <c r="D602" i="20"/>
  <c r="E602" i="20" s="1"/>
  <c r="G601" i="20"/>
  <c r="H601" i="20"/>
  <c r="I866" i="20"/>
  <c r="D781" i="20"/>
  <c r="G780" i="20"/>
  <c r="H780" i="20"/>
  <c r="D337" i="20"/>
  <c r="G336" i="20"/>
  <c r="H336" i="20"/>
  <c r="E421" i="20"/>
  <c r="F421" i="20" s="1"/>
  <c r="E694" i="20"/>
  <c r="F694" i="20" s="1"/>
  <c r="E868" i="20"/>
  <c r="F868" i="20" s="1"/>
  <c r="H960" i="20"/>
  <c r="H420" i="20"/>
  <c r="E514" i="20"/>
  <c r="F514" i="20" s="1"/>
  <c r="E247" i="20"/>
  <c r="F247" i="20" s="1"/>
  <c r="G960" i="20"/>
  <c r="G420" i="20"/>
  <c r="H693" i="20"/>
  <c r="H867" i="20"/>
  <c r="I692" i="20"/>
  <c r="H156" i="13"/>
  <c r="I156" i="13"/>
  <c r="J156" i="13" s="1"/>
  <c r="E961" i="20"/>
  <c r="F961" i="20" s="1"/>
  <c r="I959" i="20"/>
  <c r="H155" i="20"/>
  <c r="I155" i="20" s="1"/>
  <c r="I335" i="20"/>
  <c r="G693" i="20"/>
  <c r="G867" i="20"/>
  <c r="H513" i="20"/>
  <c r="I246" i="20"/>
  <c r="E157" i="13"/>
  <c r="F157" i="13" s="1"/>
  <c r="D158" i="13" s="1"/>
  <c r="I601" i="20" l="1"/>
  <c r="E247" i="2"/>
  <c r="A210" i="34"/>
  <c r="I336" i="20"/>
  <c r="E156" i="20"/>
  <c r="F156" i="20" s="1"/>
  <c r="F602" i="20"/>
  <c r="D603" i="20" s="1"/>
  <c r="I780" i="20"/>
  <c r="I420" i="20"/>
  <c r="I513" i="20"/>
  <c r="I960" i="20"/>
  <c r="D515" i="20"/>
  <c r="G514" i="20"/>
  <c r="H514" i="20"/>
  <c r="D962" i="20"/>
  <c r="G961" i="20"/>
  <c r="H961" i="20"/>
  <c r="D695" i="20"/>
  <c r="G694" i="20"/>
  <c r="H694" i="20"/>
  <c r="D422" i="20"/>
  <c r="G421" i="20"/>
  <c r="H421" i="20"/>
  <c r="I421" i="20" s="1"/>
  <c r="D248" i="20"/>
  <c r="G247" i="20"/>
  <c r="H247" i="20"/>
  <c r="D869" i="20"/>
  <c r="G868" i="20"/>
  <c r="H868" i="20"/>
  <c r="E158" i="13"/>
  <c r="F158" i="13" s="1"/>
  <c r="D159" i="13" s="1"/>
  <c r="I867" i="20"/>
  <c r="E337" i="20"/>
  <c r="F337" i="20" s="1"/>
  <c r="I693" i="20"/>
  <c r="H602" i="20"/>
  <c r="E603" i="20"/>
  <c r="G157" i="13"/>
  <c r="G602" i="20"/>
  <c r="E781" i="20"/>
  <c r="F781" i="20"/>
  <c r="D782" i="20" s="1"/>
  <c r="G781" i="20"/>
  <c r="F603" i="20" l="1"/>
  <c r="D604" i="20" s="1"/>
  <c r="A213" i="34"/>
  <c r="B215" i="34"/>
  <c r="I247" i="20"/>
  <c r="I514" i="20"/>
  <c r="D157" i="20"/>
  <c r="E157" i="20" s="1"/>
  <c r="F157" i="20" s="1"/>
  <c r="G156" i="20"/>
  <c r="H156" i="20"/>
  <c r="I156" i="20" s="1"/>
  <c r="I602" i="20"/>
  <c r="D158" i="20"/>
  <c r="E158" i="20" s="1"/>
  <c r="F158" i="20" s="1"/>
  <c r="D159" i="20" s="1"/>
  <c r="I868" i="20"/>
  <c r="I961" i="20"/>
  <c r="D338" i="20"/>
  <c r="G337" i="20"/>
  <c r="H337" i="20"/>
  <c r="E604" i="20"/>
  <c r="F604" i="20" s="1"/>
  <c r="D605" i="20" s="1"/>
  <c r="E159" i="13"/>
  <c r="E160" i="13" s="1"/>
  <c r="E869" i="20"/>
  <c r="F869" i="20" s="1"/>
  <c r="D870" i="20" s="1"/>
  <c r="E695" i="20"/>
  <c r="F695" i="20" s="1"/>
  <c r="D696" i="20" s="1"/>
  <c r="H603" i="20"/>
  <c r="E422" i="20"/>
  <c r="F422" i="20" s="1"/>
  <c r="H157" i="13"/>
  <c r="I157" i="13"/>
  <c r="E962" i="20"/>
  <c r="F962" i="20" s="1"/>
  <c r="E782" i="20"/>
  <c r="F782" i="20" s="1"/>
  <c r="H781" i="20"/>
  <c r="I781" i="20" s="1"/>
  <c r="G603" i="20"/>
  <c r="G158" i="13"/>
  <c r="E248" i="20"/>
  <c r="F248" i="20" s="1"/>
  <c r="D249" i="20" s="1"/>
  <c r="I694" i="20"/>
  <c r="E515" i="20"/>
  <c r="F515" i="20" s="1"/>
  <c r="A214" i="34" l="1"/>
  <c r="D251" i="2"/>
  <c r="H157" i="20"/>
  <c r="F159" i="13"/>
  <c r="G159" i="13" s="1"/>
  <c r="I159" i="13" s="1"/>
  <c r="G157" i="20"/>
  <c r="D783" i="20"/>
  <c r="G782" i="20"/>
  <c r="I337" i="20"/>
  <c r="D423" i="20"/>
  <c r="G422" i="20"/>
  <c r="H422" i="20"/>
  <c r="D516" i="20"/>
  <c r="G515" i="20"/>
  <c r="H515" i="20"/>
  <c r="I515" i="20" s="1"/>
  <c r="D963" i="20"/>
  <c r="H962" i="20"/>
  <c r="G962" i="20"/>
  <c r="E249" i="20"/>
  <c r="F249" i="20" s="1"/>
  <c r="E159" i="20"/>
  <c r="F159" i="20" s="1"/>
  <c r="E605" i="20"/>
  <c r="F605" i="20" s="1"/>
  <c r="E783" i="20"/>
  <c r="F783" i="20" s="1"/>
  <c r="D784" i="20" s="1"/>
  <c r="H604" i="20"/>
  <c r="H248" i="20"/>
  <c r="H158" i="13"/>
  <c r="I158" i="13"/>
  <c r="H695" i="20"/>
  <c r="H158" i="20"/>
  <c r="H869" i="20"/>
  <c r="G604" i="20"/>
  <c r="E696" i="20"/>
  <c r="E697" i="20" s="1"/>
  <c r="E870" i="20"/>
  <c r="F870" i="20" s="1"/>
  <c r="D871" i="20" s="1"/>
  <c r="I603" i="20"/>
  <c r="G248" i="20"/>
  <c r="H782" i="20"/>
  <c r="J157" i="13"/>
  <c r="G695" i="20"/>
  <c r="G158" i="20"/>
  <c r="G869" i="20"/>
  <c r="E338" i="20"/>
  <c r="F338" i="20" s="1"/>
  <c r="D339" i="20" s="1"/>
  <c r="H159" i="13" l="1"/>
  <c r="I157" i="20"/>
  <c r="A215" i="34"/>
  <c r="D252" i="2"/>
  <c r="I604" i="20"/>
  <c r="I782" i="20"/>
  <c r="I695" i="20"/>
  <c r="I962" i="20"/>
  <c r="I422" i="20"/>
  <c r="D606" i="20"/>
  <c r="G605" i="20"/>
  <c r="H605" i="20"/>
  <c r="D250" i="20"/>
  <c r="G249" i="20"/>
  <c r="H249" i="20"/>
  <c r="D160" i="20"/>
  <c r="G159" i="20"/>
  <c r="H159" i="20"/>
  <c r="I159" i="20" s="1"/>
  <c r="E784" i="20"/>
  <c r="F784" i="20" s="1"/>
  <c r="H338" i="20"/>
  <c r="H870" i="20"/>
  <c r="J158" i="13"/>
  <c r="H783" i="20"/>
  <c r="J159" i="13"/>
  <c r="I160" i="13"/>
  <c r="E963" i="20"/>
  <c r="F963" i="20"/>
  <c r="D964" i="20" s="1"/>
  <c r="E339" i="20"/>
  <c r="E340" i="20" s="1"/>
  <c r="I869" i="20"/>
  <c r="G783" i="20"/>
  <c r="H160" i="13"/>
  <c r="E871" i="20"/>
  <c r="F871" i="20" s="1"/>
  <c r="E516" i="20"/>
  <c r="F516" i="20" s="1"/>
  <c r="D517" i="20" s="1"/>
  <c r="G338" i="20"/>
  <c r="G870" i="20"/>
  <c r="F696" i="20"/>
  <c r="I158" i="20"/>
  <c r="I248" i="20"/>
  <c r="E423" i="20"/>
  <c r="F423" i="20" s="1"/>
  <c r="D424" i="20" s="1"/>
  <c r="A216" i="34" l="1"/>
  <c r="D253" i="2"/>
  <c r="F339" i="20"/>
  <c r="G339" i="20" s="1"/>
  <c r="G340" i="20" s="1"/>
  <c r="D872" i="20"/>
  <c r="E872" i="20" s="1"/>
  <c r="G871" i="20"/>
  <c r="G516" i="20"/>
  <c r="I249" i="20"/>
  <c r="D785" i="20"/>
  <c r="G784" i="20"/>
  <c r="H784" i="20"/>
  <c r="I783" i="20"/>
  <c r="E517" i="20"/>
  <c r="F517" i="20" s="1"/>
  <c r="D518" i="20" s="1"/>
  <c r="E606" i="20"/>
  <c r="F606" i="20" s="1"/>
  <c r="H423" i="20"/>
  <c r="H963" i="20"/>
  <c r="I870" i="20"/>
  <c r="E250" i="20"/>
  <c r="E251" i="20" s="1"/>
  <c r="G423" i="20"/>
  <c r="H516" i="20"/>
  <c r="I516" i="20" s="1"/>
  <c r="H871" i="20"/>
  <c r="I871" i="20" s="1"/>
  <c r="G963" i="20"/>
  <c r="J160" i="13"/>
  <c r="I338" i="20"/>
  <c r="E160" i="20"/>
  <c r="E161" i="20" s="1"/>
  <c r="I605" i="20"/>
  <c r="G696" i="20"/>
  <c r="G697" i="20" s="1"/>
  <c r="H696" i="20"/>
  <c r="E424" i="20"/>
  <c r="F424" i="20" s="1"/>
  <c r="D425" i="20" s="1"/>
  <c r="E964" i="20"/>
  <c r="F964" i="20" s="1"/>
  <c r="F872" i="20" l="1"/>
  <c r="D873" i="20" s="1"/>
  <c r="H339" i="20"/>
  <c r="H340" i="20" s="1"/>
  <c r="D254" i="2"/>
  <c r="A218" i="34"/>
  <c r="B218" i="34"/>
  <c r="B219" i="34"/>
  <c r="B220" i="34"/>
  <c r="F160" i="20"/>
  <c r="G160" i="20" s="1"/>
  <c r="G161" i="20" s="1"/>
  <c r="D965" i="20"/>
  <c r="G964" i="20"/>
  <c r="H964" i="20"/>
  <c r="D607" i="20"/>
  <c r="G606" i="20"/>
  <c r="H606" i="20"/>
  <c r="I339" i="20"/>
  <c r="I340" i="20" s="1"/>
  <c r="E873" i="20"/>
  <c r="F873" i="20" s="1"/>
  <c r="E518" i="20"/>
  <c r="E519" i="20" s="1"/>
  <c r="H424" i="20"/>
  <c r="I696" i="20"/>
  <c r="I697" i="20" s="1"/>
  <c r="H697" i="20"/>
  <c r="F250" i="20"/>
  <c r="I423" i="20"/>
  <c r="E785" i="20"/>
  <c r="E786" i="20" s="1"/>
  <c r="G424" i="20"/>
  <c r="H872" i="20"/>
  <c r="I872" i="20" s="1"/>
  <c r="H517" i="20"/>
  <c r="I963" i="20"/>
  <c r="G872" i="20"/>
  <c r="G517" i="20"/>
  <c r="I784" i="20"/>
  <c r="E425" i="20"/>
  <c r="F425" i="20" s="1"/>
  <c r="H160" i="20" l="1"/>
  <c r="H161" i="20" s="1"/>
  <c r="A219" i="34"/>
  <c r="I160" i="20"/>
  <c r="I161" i="20" s="1"/>
  <c r="F785" i="20"/>
  <c r="G785" i="20" s="1"/>
  <c r="G786" i="20" s="1"/>
  <c r="I606" i="20"/>
  <c r="D874" i="20"/>
  <c r="G873" i="20"/>
  <c r="H873" i="20"/>
  <c r="I873" i="20" s="1"/>
  <c r="D426" i="20"/>
  <c r="G425" i="20"/>
  <c r="H425" i="20"/>
  <c r="E607" i="20"/>
  <c r="E608" i="20" s="1"/>
  <c r="I424" i="20"/>
  <c r="F518" i="20"/>
  <c r="I964" i="20"/>
  <c r="I517" i="20"/>
  <c r="G250" i="20"/>
  <c r="G251" i="20" s="1"/>
  <c r="H250" i="20"/>
  <c r="E965" i="20"/>
  <c r="E966" i="20" s="1"/>
  <c r="H785" i="20" l="1"/>
  <c r="A220" i="34"/>
  <c r="F607" i="20"/>
  <c r="G607" i="20" s="1"/>
  <c r="G608" i="20" s="1"/>
  <c r="I425" i="20"/>
  <c r="E426" i="20"/>
  <c r="F426" i="20" s="1"/>
  <c r="I785" i="20"/>
  <c r="I786" i="20" s="1"/>
  <c r="H786" i="20"/>
  <c r="I250" i="20"/>
  <c r="I251" i="20" s="1"/>
  <c r="H251" i="20"/>
  <c r="F965" i="20"/>
  <c r="G518" i="20"/>
  <c r="G519" i="20" s="1"/>
  <c r="H518" i="20"/>
  <c r="E874" i="20"/>
  <c r="E875" i="20" s="1"/>
  <c r="H607" i="20" l="1"/>
  <c r="A222" i="34"/>
  <c r="A224" i="34" s="1"/>
  <c r="A225" i="34" s="1"/>
  <c r="A226" i="34" s="1"/>
  <c r="A229" i="34" s="1"/>
  <c r="D427" i="20"/>
  <c r="H426" i="20"/>
  <c r="G426" i="20"/>
  <c r="I518" i="20"/>
  <c r="I519" i="20" s="1"/>
  <c r="H519" i="20"/>
  <c r="F874" i="20"/>
  <c r="G965" i="20"/>
  <c r="G966" i="20" s="1"/>
  <c r="H965" i="20"/>
  <c r="E427" i="20"/>
  <c r="I607" i="20"/>
  <c r="I608" i="20" s="1"/>
  <c r="H608" i="20"/>
  <c r="A230" i="34" l="1"/>
  <c r="B234" i="34"/>
  <c r="F427" i="20"/>
  <c r="D428" i="20" s="1"/>
  <c r="E428" i="20" s="1"/>
  <c r="E429" i="20" s="1"/>
  <c r="G427" i="20"/>
  <c r="I426" i="20"/>
  <c r="I965" i="20"/>
  <c r="I966" i="20" s="1"/>
  <c r="H966" i="20"/>
  <c r="H874" i="20"/>
  <c r="G874" i="20"/>
  <c r="G875" i="20" s="1"/>
  <c r="H427" i="20" l="1"/>
  <c r="A231" i="34"/>
  <c r="B235" i="34"/>
  <c r="F428" i="20"/>
  <c r="G428" i="20" s="1"/>
  <c r="G429" i="20" s="1"/>
  <c r="I427" i="20"/>
  <c r="I874" i="20"/>
  <c r="I875" i="20" s="1"/>
  <c r="H875" i="20"/>
  <c r="H428" i="20"/>
  <c r="A234" i="34" l="1"/>
  <c r="A235" i="34" s="1"/>
  <c r="A236" i="34" s="1"/>
  <c r="A237" i="34" s="1"/>
  <c r="B236" i="34"/>
  <c r="I428" i="20"/>
  <c r="I429" i="20" s="1"/>
  <c r="H429" i="20"/>
</calcChain>
</file>

<file path=xl/sharedStrings.xml><?xml version="1.0" encoding="utf-8"?>
<sst xmlns="http://schemas.openxmlformats.org/spreadsheetml/2006/main" count="2199" uniqueCount="923">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Research, Develop&amp;Demonstr Exp</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t>EFFECTIVE AS OF July 1, 2018</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INDIANA MICHIGAN TRANSMISSION COMPANY shall initially use the composite depreciation rate FOR INDIANA AND MICHIGAN shown above to estimate depreciation expense for transmission projects in Worksheets J and K until a composite depreciation rate based on transmission plant in service and depreciation expenses reocrded by AEP INDIANA MICHIGAN TRANSMISSION COMPANY for its own transmission facilities can be calculated in AEP INDIANA MICHIGAN TRANSMISSION COMPANY's the first Annual Update including a True-up TCO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An over or under collection will be recovered prorata over 2018, held for 2019 and returned prorate over 2020</t>
  </si>
  <si>
    <t>INDIANA MICHIGAN TRANSMISSION COMPANY</t>
  </si>
  <si>
    <t>Worksheet B-3</t>
  </si>
  <si>
    <t>Excess/ Deficient ADIT Worksheet</t>
  </si>
  <si>
    <t>For Year Ended December 31, 2019</t>
  </si>
  <si>
    <t>Debit/(Credit)</t>
  </si>
  <si>
    <t xml:space="preserve">I </t>
  </si>
  <si>
    <t xml:space="preserve">J </t>
  </si>
  <si>
    <t>1/1/2019 Beginning  Balances</t>
  </si>
  <si>
    <t>Balance Sheet Entries</t>
  </si>
  <si>
    <t>Tax Expense Entries</t>
  </si>
  <si>
    <t>12/31/2019 Ending Balance</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 Line 13</t>
  </si>
  <si>
    <t>1b</t>
  </si>
  <si>
    <r>
      <t>282</t>
    </r>
    <r>
      <rPr>
        <sz val="9"/>
        <color indexed="10"/>
        <rFont val="Arial"/>
        <family val="2"/>
      </rPr>
      <t>1</t>
    </r>
    <r>
      <rPr>
        <sz val="9"/>
        <rFont val="Arial"/>
        <family val="2"/>
      </rPr>
      <t>001</t>
    </r>
  </si>
  <si>
    <t>ADFIT - Utility Property</t>
  </si>
  <si>
    <t>Protected</t>
  </si>
  <si>
    <t>ARAM</t>
  </si>
  <si>
    <t>Life of Asset</t>
  </si>
  <si>
    <t>WS B - 1 Col B, Line 25</t>
  </si>
  <si>
    <t>1c</t>
  </si>
  <si>
    <t>Unprotected</t>
  </si>
  <si>
    <t>10 Years</t>
  </si>
  <si>
    <t>1/2018 - 12/2027</t>
  </si>
  <si>
    <t>WS B - 1 Col B, Line 26</t>
  </si>
  <si>
    <t>1d</t>
  </si>
  <si>
    <r>
      <t>282</t>
    </r>
    <r>
      <rPr>
        <sz val="9"/>
        <color indexed="10"/>
        <rFont val="Arial"/>
        <family val="2"/>
      </rPr>
      <t>4</t>
    </r>
    <r>
      <rPr>
        <sz val="9"/>
        <rFont val="Arial"/>
        <family val="2"/>
      </rPr>
      <t>001</t>
    </r>
  </si>
  <si>
    <t>ADFIT - Utility Property FAS 109 Excess</t>
  </si>
  <si>
    <t>WS B - 1 Col B, Line 29 (in total)</t>
  </si>
  <si>
    <t>1e</t>
  </si>
  <si>
    <t>1f</t>
  </si>
  <si>
    <r>
      <t>283</t>
    </r>
    <r>
      <rPr>
        <sz val="9"/>
        <color indexed="10"/>
        <rFont val="Arial"/>
        <family val="2"/>
      </rPr>
      <t>1</t>
    </r>
    <r>
      <rPr>
        <sz val="9"/>
        <rFont val="Arial"/>
        <family val="2"/>
      </rPr>
      <t>001</t>
    </r>
  </si>
  <si>
    <t>ADFIT - Other Utility Deferrals</t>
  </si>
  <si>
    <t>WS B - 1 Col B, Line 38</t>
  </si>
  <si>
    <t>1g</t>
  </si>
  <si>
    <r>
      <t>283</t>
    </r>
    <r>
      <rPr>
        <sz val="9"/>
        <color indexed="10"/>
        <rFont val="Arial"/>
        <family val="2"/>
      </rPr>
      <t>4</t>
    </r>
    <r>
      <rPr>
        <sz val="9"/>
        <rFont val="Arial"/>
        <family val="2"/>
      </rPr>
      <t>001</t>
    </r>
  </si>
  <si>
    <t>ADFIT - Other FAS 109 Excess</t>
  </si>
  <si>
    <t>WS B - 1 Col B, Line 41</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2019 Forecasted Revenue Requirement For Year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6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3" fontId="145" fillId="0" borderId="0"/>
    <xf numFmtId="0" fontId="127" fillId="0" borderId="0"/>
    <xf numFmtId="0" fontId="11" fillId="0" borderId="0"/>
    <xf numFmtId="3" fontId="11" fillId="0" borderId="0"/>
    <xf numFmtId="3" fontId="11" fillId="0" borderId="0"/>
    <xf numFmtId="0" fontId="145"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45" fillId="0" borderId="0"/>
    <xf numFmtId="0" fontId="11" fillId="0" borderId="0"/>
    <xf numFmtId="0" fontId="145"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5"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45" fillId="0" borderId="0"/>
    <xf numFmtId="0" fontId="11" fillId="0" borderId="0"/>
    <xf numFmtId="0" fontId="148"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33">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70" applyFont="1" applyFill="1" applyAlignment="1">
      <alignment horizontal="center"/>
    </xf>
    <xf numFmtId="0" fontId="14" fillId="0" borderId="0" xfId="270" applyFont="1" applyFill="1"/>
    <xf numFmtId="0" fontId="0" fillId="0" borderId="0" xfId="0" applyBorder="1"/>
    <xf numFmtId="0" fontId="3" fillId="0" borderId="0" xfId="0" applyFont="1"/>
    <xf numFmtId="0" fontId="0" fillId="0" borderId="0" xfId="0" applyFill="1"/>
    <xf numFmtId="0" fontId="11" fillId="0" borderId="0" xfId="270" applyFont="1" applyFill="1"/>
    <xf numFmtId="0" fontId="14" fillId="0" borderId="0" xfId="270" applyFont="1" applyFill="1" applyAlignment="1">
      <alignment horizontal="left"/>
    </xf>
    <xf numFmtId="3" fontId="11" fillId="0" borderId="0" xfId="0" applyNumberFormat="1" applyFont="1" applyFill="1"/>
    <xf numFmtId="0" fontId="4" fillId="0" borderId="0" xfId="270" applyFont="1" applyFill="1" applyAlignment="1">
      <alignment horizontal="right"/>
    </xf>
    <xf numFmtId="40" fontId="11" fillId="0" borderId="0" xfId="0" applyNumberFormat="1" applyFont="1" applyFill="1"/>
    <xf numFmtId="0" fontId="11" fillId="0" borderId="0" xfId="270" applyFont="1"/>
    <xf numFmtId="0" fontId="4" fillId="0" borderId="0" xfId="270" applyFont="1" applyFill="1"/>
    <xf numFmtId="0" fontId="8" fillId="0" borderId="0" xfId="270" applyFont="1" applyFill="1" applyBorder="1" applyAlignment="1">
      <alignment horizontal="left"/>
    </xf>
    <xf numFmtId="0" fontId="11" fillId="0" borderId="0" xfId="270" applyFont="1" applyAlignment="1">
      <alignment horizontal="left"/>
    </xf>
    <xf numFmtId="0" fontId="5" fillId="0" borderId="0" xfId="27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70" applyNumberFormat="1" applyFont="1" applyFill="1" applyBorder="1"/>
    <xf numFmtId="0" fontId="27" fillId="0" borderId="0" xfId="270" applyFont="1" applyFill="1" applyAlignment="1">
      <alignment horizontal="left"/>
    </xf>
    <xf numFmtId="0" fontId="25" fillId="0" borderId="0" xfId="270" applyFont="1" applyFill="1"/>
    <xf numFmtId="41" fontId="25" fillId="0" borderId="0" xfId="270" applyNumberFormat="1" applyFont="1" applyFill="1"/>
    <xf numFmtId="41" fontId="25" fillId="0" borderId="0" xfId="270" applyNumberFormat="1" applyFont="1" applyFill="1" applyBorder="1" applyAlignment="1">
      <alignment vertical="top"/>
    </xf>
    <xf numFmtId="181" fontId="25" fillId="0" borderId="0" xfId="270" applyNumberFormat="1" applyFont="1" applyFill="1"/>
    <xf numFmtId="41" fontId="25" fillId="0" borderId="0" xfId="270" applyNumberFormat="1" applyFont="1" applyFill="1" applyBorder="1"/>
    <xf numFmtId="0" fontId="25" fillId="0" borderId="0" xfId="270" applyFont="1" applyFill="1" applyAlignment="1">
      <alignment horizontal="left"/>
    </xf>
    <xf numFmtId="0" fontId="28" fillId="0" borderId="0" xfId="270" applyFont="1" applyFill="1" applyBorder="1"/>
    <xf numFmtId="0" fontId="25" fillId="0" borderId="0" xfId="270" applyFont="1" applyFill="1" applyAlignment="1">
      <alignment horizontal="center"/>
    </xf>
    <xf numFmtId="0" fontId="9" fillId="0" borderId="0" xfId="270" applyFont="1" applyFill="1" applyAlignment="1">
      <alignment horizontal="center"/>
    </xf>
    <xf numFmtId="173" fontId="25" fillId="0" borderId="0" xfId="270" applyNumberFormat="1" applyFont="1" applyFill="1"/>
    <xf numFmtId="173" fontId="25" fillId="0" borderId="0" xfId="270" applyNumberFormat="1" applyFont="1" applyFill="1" applyBorder="1" applyAlignment="1">
      <alignment vertical="top"/>
    </xf>
    <xf numFmtId="41" fontId="25" fillId="0" borderId="13" xfId="270" applyNumberFormat="1" applyFont="1" applyFill="1" applyBorder="1"/>
    <xf numFmtId="173" fontId="5" fillId="0" borderId="0" xfId="86" applyNumberFormat="1" applyFont="1" applyFill="1" applyAlignment="1">
      <alignment horizontal="center"/>
    </xf>
    <xf numFmtId="0" fontId="4" fillId="0" borderId="0" xfId="270" applyFont="1" applyFill="1" applyAlignment="1">
      <alignment horizontal="center"/>
    </xf>
    <xf numFmtId="0" fontId="29" fillId="0" borderId="0" xfId="270" applyFont="1" applyFill="1" applyBorder="1"/>
    <xf numFmtId="0" fontId="9" fillId="0" borderId="0" xfId="270" applyFont="1" applyAlignment="1">
      <alignment horizontal="center"/>
    </xf>
    <xf numFmtId="41" fontId="4" fillId="0" borderId="13" xfId="270" applyNumberFormat="1" applyFont="1" applyFill="1" applyBorder="1"/>
    <xf numFmtId="38" fontId="11" fillId="0" borderId="0" xfId="0" applyNumberFormat="1" applyFont="1" applyFill="1" applyBorder="1" applyAlignment="1"/>
    <xf numFmtId="40" fontId="25" fillId="0" borderId="0" xfId="270" applyNumberFormat="1" applyFont="1" applyFill="1"/>
    <xf numFmtId="3" fontId="11" fillId="0" borderId="0" xfId="0" applyNumberFormat="1" applyFont="1"/>
    <xf numFmtId="40" fontId="11" fillId="0" borderId="0" xfId="0" applyNumberFormat="1" applyFont="1"/>
    <xf numFmtId="43" fontId="4" fillId="0" borderId="0" xfId="270" applyNumberFormat="1" applyFont="1" applyFill="1"/>
    <xf numFmtId="3" fontId="4" fillId="0" borderId="0" xfId="0" applyNumberFormat="1" applyFont="1" applyFill="1" applyAlignment="1"/>
    <xf numFmtId="41" fontId="26" fillId="25" borderId="0" xfId="270" applyNumberFormat="1" applyFont="1" applyFill="1" applyBorder="1"/>
    <xf numFmtId="0" fontId="31" fillId="0" borderId="0" xfId="0" applyFont="1" applyFill="1"/>
    <xf numFmtId="0" fontId="18" fillId="0" borderId="0" xfId="270" applyFont="1" applyFill="1"/>
    <xf numFmtId="0" fontId="11" fillId="0" borderId="0" xfId="270" applyFont="1" applyAlignment="1">
      <alignment horizontal="center"/>
    </xf>
    <xf numFmtId="0" fontId="4" fillId="0" borderId="0" xfId="220" applyFont="1" applyBorder="1" applyAlignment="1">
      <alignment horizontal="center"/>
    </xf>
    <xf numFmtId="49" fontId="4" fillId="0" borderId="0" xfId="27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78" applyFont="1"/>
    <xf numFmtId="185" fontId="17" fillId="0" borderId="0" xfId="278" applyNumberFormat="1" applyFont="1" applyAlignment="1">
      <alignment horizontal="center"/>
    </xf>
    <xf numFmtId="0" fontId="11" fillId="0" borderId="0" xfId="278" applyFont="1"/>
    <xf numFmtId="0" fontId="17" fillId="0" borderId="0" xfId="278" applyFont="1"/>
    <xf numFmtId="0" fontId="17" fillId="0" borderId="0" xfId="278" applyNumberFormat="1" applyFont="1" applyAlignment="1">
      <alignment horizontal="center"/>
    </xf>
    <xf numFmtId="0" fontId="17" fillId="0" borderId="0" xfId="278" applyNumberFormat="1" applyFont="1"/>
    <xf numFmtId="0" fontId="17" fillId="0" borderId="0" xfId="278" applyNumberFormat="1" applyFont="1" applyBorder="1" applyAlignment="1">
      <alignment horizontal="center"/>
    </xf>
    <xf numFmtId="0" fontId="72" fillId="0" borderId="0" xfId="278" applyFont="1"/>
    <xf numFmtId="0" fontId="73" fillId="0" borderId="0" xfId="278" applyFont="1"/>
    <xf numFmtId="185" fontId="11" fillId="0" borderId="0" xfId="278" applyNumberFormat="1" applyFont="1"/>
    <xf numFmtId="0" fontId="74" fillId="0" borderId="0" xfId="275" applyFont="1" applyFill="1" applyAlignment="1">
      <alignment horizontal="center"/>
    </xf>
    <xf numFmtId="0" fontId="74" fillId="0" borderId="0" xfId="275" applyFont="1" applyFill="1" applyAlignment="1">
      <alignment horizontal="left" indent="2"/>
    </xf>
    <xf numFmtId="39" fontId="74" fillId="0" borderId="0" xfId="275" applyNumberFormat="1" applyFont="1" applyFill="1"/>
    <xf numFmtId="0" fontId="70" fillId="0" borderId="0" xfId="278" applyFont="1" applyFill="1"/>
    <xf numFmtId="0" fontId="11" fillId="0" borderId="0" xfId="278" applyNumberFormat="1" applyFont="1" applyAlignment="1">
      <alignment horizontal="center"/>
    </xf>
    <xf numFmtId="0" fontId="11" fillId="0" borderId="0" xfId="27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70" applyFont="1" applyFill="1" applyBorder="1" applyAlignment="1">
      <alignment horizontal="left"/>
    </xf>
    <xf numFmtId="0" fontId="3" fillId="0" borderId="0" xfId="0" applyFont="1" applyAlignment="1">
      <alignment horizontal="center"/>
    </xf>
    <xf numFmtId="0" fontId="3" fillId="0" borderId="0" xfId="220" applyFont="1" applyBorder="1" applyAlignment="1">
      <alignment horizontal="center"/>
    </xf>
    <xf numFmtId="0" fontId="11" fillId="0" borderId="0" xfId="278" applyNumberFormat="1" applyFont="1" applyFill="1"/>
    <xf numFmtId="173" fontId="70" fillId="0" borderId="0" xfId="27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70" applyFont="1"/>
    <xf numFmtId="0" fontId="1" fillId="0" borderId="0" xfId="270" applyAlignment="1">
      <alignment horizontal="left"/>
    </xf>
    <xf numFmtId="0" fontId="1" fillId="0" borderId="0" xfId="270"/>
    <xf numFmtId="0" fontId="14" fillId="0" borderId="0" xfId="270" applyFont="1" applyAlignment="1">
      <alignment horizontal="left"/>
    </xf>
    <xf numFmtId="0" fontId="13" fillId="0" borderId="0" xfId="270" applyFont="1" applyFill="1"/>
    <xf numFmtId="0" fontId="82" fillId="0" borderId="0" xfId="270" applyFont="1" applyFill="1"/>
    <xf numFmtId="9" fontId="9" fillId="0" borderId="0" xfId="270" quotePrefix="1" applyNumberFormat="1" applyFont="1" applyFill="1" applyAlignment="1">
      <alignment horizontal="center"/>
    </xf>
    <xf numFmtId="0" fontId="3" fillId="0" borderId="0" xfId="278" applyNumberFormat="1" applyFont="1" applyAlignment="1">
      <alignment horizontal="center"/>
    </xf>
    <xf numFmtId="0" fontId="3" fillId="0" borderId="0" xfId="278" applyNumberFormat="1" applyFont="1"/>
    <xf numFmtId="185" fontId="3" fillId="0" borderId="0" xfId="278" applyNumberFormat="1" applyFont="1" applyAlignment="1">
      <alignment horizontal="center"/>
    </xf>
    <xf numFmtId="0" fontId="3" fillId="0" borderId="11" xfId="278" applyNumberFormat="1" applyFont="1" applyBorder="1" applyAlignment="1">
      <alignment horizontal="center"/>
    </xf>
    <xf numFmtId="185" fontId="3" fillId="0" borderId="11" xfId="27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89" applyNumberFormat="1" applyFont="1"/>
    <xf numFmtId="173" fontId="88" fillId="0" borderId="0" xfId="278" applyNumberFormat="1" applyFont="1" applyFill="1" applyBorder="1"/>
    <xf numFmtId="0" fontId="22" fillId="0" borderId="0" xfId="270" applyFont="1" applyFill="1" applyAlignment="1">
      <alignment horizontal="center"/>
    </xf>
    <xf numFmtId="0" fontId="91" fillId="0" borderId="0" xfId="270" applyFont="1" applyFill="1" applyBorder="1"/>
    <xf numFmtId="0" fontId="31" fillId="0" borderId="0" xfId="0" applyFont="1"/>
    <xf numFmtId="173" fontId="0" fillId="0" borderId="14" xfId="0" applyNumberFormat="1" applyBorder="1"/>
    <xf numFmtId="9" fontId="0" fillId="0" borderId="0" xfId="289" applyFont="1"/>
    <xf numFmtId="0" fontId="93" fillId="0" borderId="0" xfId="0" applyFont="1" applyAlignment="1">
      <alignment horizontal="center" wrapText="1"/>
    </xf>
    <xf numFmtId="0" fontId="17" fillId="0" borderId="0" xfId="275" applyFont="1" applyFill="1" applyAlignment="1">
      <alignment horizontal="center"/>
    </xf>
    <xf numFmtId="190" fontId="97" fillId="0" borderId="0" xfId="220" applyNumberFormat="1" applyFont="1" applyFill="1" applyBorder="1" applyAlignment="1">
      <alignment horizontal="center"/>
    </xf>
    <xf numFmtId="38" fontId="0" fillId="0" borderId="0" xfId="0" applyNumberFormat="1" applyBorder="1"/>
    <xf numFmtId="0" fontId="1" fillId="0" borderId="0" xfId="0" applyFont="1"/>
    <xf numFmtId="0" fontId="5" fillId="0" borderId="0" xfId="270" applyFont="1" applyFill="1" applyBorder="1" applyAlignment="1">
      <alignment horizontal="center"/>
    </xf>
    <xf numFmtId="0" fontId="4" fillId="0" borderId="0" xfId="0" applyFont="1" applyBorder="1" applyAlignment="1">
      <alignment horizontal="center"/>
    </xf>
    <xf numFmtId="0" fontId="3" fillId="0" borderId="0" xfId="278" applyNumberFormat="1" applyFont="1" applyBorder="1" applyAlignment="1">
      <alignment horizontal="center"/>
    </xf>
    <xf numFmtId="0" fontId="11" fillId="0" borderId="0" xfId="278" applyFont="1" applyBorder="1"/>
    <xf numFmtId="0" fontId="3" fillId="0" borderId="11" xfId="278" applyNumberFormat="1" applyFont="1" applyBorder="1"/>
    <xf numFmtId="185" fontId="3" fillId="0" borderId="0" xfId="278" applyNumberFormat="1" applyFont="1" applyBorder="1" applyAlignment="1">
      <alignment horizontal="center"/>
    </xf>
    <xf numFmtId="0" fontId="11" fillId="0" borderId="0" xfId="278" applyFont="1" applyFill="1"/>
    <xf numFmtId="173" fontId="77" fillId="0" borderId="0" xfId="278" applyNumberFormat="1" applyFont="1" applyFill="1" applyBorder="1"/>
    <xf numFmtId="0" fontId="70" fillId="0" borderId="0" xfId="278" applyFont="1" applyAlignment="1">
      <alignment horizontal="center"/>
    </xf>
    <xf numFmtId="0" fontId="17" fillId="0" borderId="0" xfId="278" applyFont="1" applyFill="1"/>
    <xf numFmtId="3" fontId="77" fillId="0" borderId="0" xfId="278" applyNumberFormat="1" applyFont="1" applyFill="1" applyBorder="1"/>
    <xf numFmtId="173" fontId="77" fillId="0" borderId="0" xfId="278" applyNumberFormat="1" applyFont="1" applyFill="1"/>
    <xf numFmtId="173" fontId="70" fillId="0" borderId="0" xfId="278" applyNumberFormat="1" applyFont="1" applyFill="1" applyBorder="1"/>
    <xf numFmtId="0" fontId="70" fillId="0" borderId="0" xfId="278" applyFont="1" applyFill="1" applyBorder="1"/>
    <xf numFmtId="38" fontId="21" fillId="0" borderId="0" xfId="0" applyNumberFormat="1" applyFont="1" applyBorder="1"/>
    <xf numFmtId="176" fontId="2" fillId="0" borderId="15" xfId="280" applyNumberFormat="1" applyBorder="1" applyProtection="1"/>
    <xf numFmtId="176" fontId="2" fillId="0" borderId="0" xfId="280" applyNumberFormat="1" applyBorder="1" applyProtection="1"/>
    <xf numFmtId="49" fontId="4" fillId="0" borderId="0" xfId="86" applyNumberFormat="1" applyFont="1" applyAlignment="1">
      <alignment horizontal="center"/>
    </xf>
    <xf numFmtId="0" fontId="98" fillId="0" borderId="0" xfId="278" applyFont="1" applyFill="1" applyBorder="1"/>
    <xf numFmtId="0" fontId="118" fillId="0" borderId="0" xfId="278" applyFont="1"/>
    <xf numFmtId="0" fontId="31" fillId="0" borderId="0" xfId="270" applyFont="1" applyFill="1" applyBorder="1"/>
    <xf numFmtId="0" fontId="106" fillId="0" borderId="0" xfId="270" applyFont="1" applyFill="1" applyAlignment="1">
      <alignment horizontal="center"/>
    </xf>
    <xf numFmtId="0" fontId="11" fillId="0" borderId="0" xfId="270" applyFont="1" applyFill="1" applyBorder="1"/>
    <xf numFmtId="0" fontId="93" fillId="0" borderId="0" xfId="0" applyFont="1" applyAlignment="1">
      <alignment horizontal="center"/>
    </xf>
    <xf numFmtId="10" fontId="2" fillId="0" borderId="0" xfId="280" applyNumberFormat="1" applyFill="1" applyProtection="1"/>
    <xf numFmtId="41" fontId="18" fillId="30" borderId="6" xfId="277" applyNumberFormat="1" applyFont="1" applyFill="1" applyBorder="1" applyAlignment="1" applyProtection="1">
      <protection locked="0"/>
    </xf>
    <xf numFmtId="3" fontId="18" fillId="30" borderId="0" xfId="277" applyNumberFormat="1" applyFont="1" applyFill="1" applyAlignment="1" applyProtection="1">
      <protection locked="0"/>
    </xf>
    <xf numFmtId="41" fontId="4" fillId="30" borderId="0" xfId="27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7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77" applyNumberFormat="1" applyFont="1" applyFill="1" applyProtection="1">
      <protection locked="0"/>
    </xf>
    <xf numFmtId="41" fontId="18" fillId="30" borderId="0" xfId="277" applyNumberFormat="1" applyFont="1" applyFill="1" applyAlignment="1" applyProtection="1">
      <alignment vertical="center"/>
      <protection locked="0"/>
    </xf>
    <xf numFmtId="0" fontId="5" fillId="0" borderId="0" xfId="0" applyFont="1"/>
    <xf numFmtId="10" fontId="18" fillId="31" borderId="0" xfId="289" applyNumberFormat="1" applyFont="1" applyFill="1" applyAlignment="1" applyProtection="1">
      <protection locked="0"/>
    </xf>
    <xf numFmtId="173" fontId="77" fillId="32" borderId="0" xfId="278" applyNumberFormat="1" applyFont="1" applyFill="1"/>
    <xf numFmtId="193" fontId="2" fillId="0" borderId="0" xfId="280" applyNumberFormat="1" applyFill="1" applyProtection="1"/>
    <xf numFmtId="172" fontId="2" fillId="0" borderId="0" xfId="277" applyFont="1" applyAlignment="1" applyProtection="1"/>
    <xf numFmtId="172" fontId="4" fillId="0" borderId="0" xfId="277" applyFont="1" applyAlignment="1" applyProtection="1"/>
    <xf numFmtId="0" fontId="0" fillId="0" borderId="0" xfId="0" applyBorder="1" applyProtection="1"/>
    <xf numFmtId="0" fontId="5" fillId="0" borderId="0" xfId="277" applyNumberFormat="1" applyFont="1" applyBorder="1" applyAlignment="1" applyProtection="1">
      <alignment horizontal="left"/>
    </xf>
    <xf numFmtId="14" fontId="5" fillId="0" borderId="0" xfId="277" applyNumberFormat="1" applyFont="1" applyBorder="1" applyAlignment="1" applyProtection="1"/>
    <xf numFmtId="172" fontId="5" fillId="0" borderId="0" xfId="277" applyFont="1" applyFill="1" applyAlignment="1" applyProtection="1"/>
    <xf numFmtId="172" fontId="4" fillId="0" borderId="0" xfId="277" applyFont="1" applyFill="1" applyAlignment="1" applyProtection="1"/>
    <xf numFmtId="0" fontId="18" fillId="32" borderId="0" xfId="86" applyNumberFormat="1" applyFont="1" applyFill="1" applyAlignment="1" applyProtection="1"/>
    <xf numFmtId="0" fontId="4" fillId="0" borderId="0" xfId="27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77" applyNumberFormat="1" applyFont="1" applyProtection="1"/>
    <xf numFmtId="0" fontId="4" fillId="0" borderId="0" xfId="277" applyNumberFormat="1" applyFont="1" applyAlignment="1" applyProtection="1">
      <alignment horizontal="right"/>
    </xf>
    <xf numFmtId="0" fontId="18" fillId="0" borderId="0" xfId="86" applyNumberFormat="1" applyFont="1" applyFill="1" applyAlignment="1" applyProtection="1"/>
    <xf numFmtId="3" fontId="4" fillId="0" borderId="0" xfId="277" applyNumberFormat="1" applyFont="1" applyAlignment="1" applyProtection="1"/>
    <xf numFmtId="3" fontId="4" fillId="0" borderId="0" xfId="0" applyNumberFormat="1" applyFont="1" applyAlignment="1" applyProtection="1">
      <alignment horizontal="center"/>
    </xf>
    <xf numFmtId="0" fontId="2" fillId="0" borderId="0" xfId="277" applyNumberFormat="1" applyFont="1" applyAlignment="1" applyProtection="1">
      <alignment horizontal="center"/>
    </xf>
    <xf numFmtId="0" fontId="4" fillId="0" borderId="0" xfId="277" applyNumberFormat="1" applyFont="1" applyAlignment="1" applyProtection="1">
      <alignment horizontal="center"/>
    </xf>
    <xf numFmtId="49" fontId="4" fillId="0" borderId="0" xfId="27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77" applyNumberFormat="1" applyFont="1" applyProtection="1"/>
    <xf numFmtId="39" fontId="4" fillId="0" borderId="0" xfId="86" applyNumberFormat="1" applyFont="1" applyAlignment="1" applyProtection="1">
      <alignment horizontal="center"/>
    </xf>
    <xf numFmtId="0" fontId="2" fillId="0" borderId="6" xfId="277" applyNumberFormat="1" applyFont="1" applyBorder="1" applyAlignment="1" applyProtection="1">
      <alignment horizontal="center"/>
    </xf>
    <xf numFmtId="0" fontId="4" fillId="0" borderId="0" xfId="277" applyNumberFormat="1" applyFont="1" applyBorder="1" applyAlignment="1" applyProtection="1">
      <alignment horizontal="center"/>
    </xf>
    <xf numFmtId="0" fontId="4" fillId="0" borderId="6" xfId="277" applyNumberFormat="1" applyFont="1" applyBorder="1" applyAlignment="1" applyProtection="1">
      <alignment horizontal="center"/>
    </xf>
    <xf numFmtId="0" fontId="4" fillId="0" borderId="0" xfId="0" applyNumberFormat="1" applyFont="1" applyProtection="1"/>
    <xf numFmtId="0" fontId="4" fillId="0" borderId="0" xfId="277" applyNumberFormat="1" applyFont="1" applyFill="1" applyProtection="1"/>
    <xf numFmtId="3" fontId="4" fillId="0" borderId="0" xfId="277" applyNumberFormat="1" applyFont="1" applyProtection="1"/>
    <xf numFmtId="0" fontId="4" fillId="0" borderId="0" xfId="277" applyNumberFormat="1" applyFont="1" applyAlignment="1" applyProtection="1">
      <alignment horizontal="left"/>
    </xf>
    <xf numFmtId="170" fontId="4" fillId="0" borderId="0" xfId="277" applyNumberFormat="1" applyFont="1" applyProtection="1"/>
    <xf numFmtId="3" fontId="4" fillId="0" borderId="0" xfId="277" applyNumberFormat="1" applyFont="1" applyFill="1" applyAlignment="1" applyProtection="1">
      <alignment horizontal="left"/>
    </xf>
    <xf numFmtId="3" fontId="4" fillId="0" borderId="0" xfId="277" applyNumberFormat="1" applyFont="1" applyFill="1" applyAlignment="1" applyProtection="1"/>
    <xf numFmtId="0" fontId="4" fillId="0" borderId="6" xfId="277" applyNumberFormat="1" applyFont="1" applyBorder="1" applyAlignment="1" applyProtection="1">
      <alignment horizontal="centerContinuous"/>
    </xf>
    <xf numFmtId="0" fontId="4" fillId="0" borderId="0" xfId="0" applyNumberFormat="1" applyFont="1" applyAlignment="1" applyProtection="1"/>
    <xf numFmtId="41" fontId="4" fillId="0" borderId="0" xfId="277" applyNumberFormat="1" applyFont="1" applyFill="1" applyBorder="1" applyAlignment="1" applyProtection="1"/>
    <xf numFmtId="3" fontId="4" fillId="0" borderId="0" xfId="277" applyNumberFormat="1" applyFont="1" applyFill="1" applyAlignment="1" applyProtection="1">
      <alignment horizontal="center"/>
    </xf>
    <xf numFmtId="165" fontId="4" fillId="0" borderId="0" xfId="277" applyNumberFormat="1" applyFont="1" applyFill="1" applyAlignment="1" applyProtection="1">
      <alignment horizontal="right"/>
    </xf>
    <xf numFmtId="42" fontId="4" fillId="0" borderId="0" xfId="277" applyNumberFormat="1" applyFont="1" applyBorder="1" applyAlignment="1" applyProtection="1"/>
    <xf numFmtId="0" fontId="2" fillId="0" borderId="0" xfId="277" applyNumberFormat="1" applyFont="1" applyFill="1" applyAlignment="1" applyProtection="1">
      <alignment horizontal="center"/>
    </xf>
    <xf numFmtId="0" fontId="4" fillId="0" borderId="0" xfId="27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77" applyNumberFormat="1" applyFont="1" applyAlignment="1" applyProtection="1">
      <alignment horizontal="left"/>
    </xf>
    <xf numFmtId="3" fontId="4" fillId="0" borderId="0" xfId="277" applyNumberFormat="1" applyFont="1" applyAlignment="1" applyProtection="1">
      <alignment horizontal="center"/>
    </xf>
    <xf numFmtId="174" fontId="4" fillId="0" borderId="14" xfId="277" applyNumberFormat="1" applyFont="1" applyBorder="1" applyAlignment="1" applyProtection="1"/>
    <xf numFmtId="42" fontId="4" fillId="0" borderId="0" xfId="277" applyNumberFormat="1" applyFont="1" applyAlignment="1" applyProtection="1"/>
    <xf numFmtId="172" fontId="76" fillId="0" borderId="0" xfId="277" applyFont="1" applyAlignment="1" applyProtection="1">
      <alignment horizontal="center" wrapText="1"/>
    </xf>
    <xf numFmtId="0" fontId="4" fillId="0" borderId="0" xfId="0" applyNumberFormat="1" applyFont="1" applyFill="1" applyAlignment="1" applyProtection="1"/>
    <xf numFmtId="42" fontId="4" fillId="0" borderId="0" xfId="277" applyNumberFormat="1" applyFont="1" applyFill="1" applyAlignment="1" applyProtection="1"/>
    <xf numFmtId="41" fontId="4" fillId="0" borderId="0" xfId="277" applyNumberFormat="1" applyFont="1" applyFill="1" applyAlignment="1" applyProtection="1"/>
    <xf numFmtId="43" fontId="4" fillId="0" borderId="0" xfId="86" applyFont="1" applyProtection="1"/>
    <xf numFmtId="0" fontId="4" fillId="0" borderId="0" xfId="277" applyNumberFormat="1" applyFont="1" applyFill="1" applyAlignment="1" applyProtection="1"/>
    <xf numFmtId="171" fontId="4" fillId="0" borderId="0" xfId="277" applyNumberFormat="1" applyFont="1" applyProtection="1"/>
    <xf numFmtId="10" fontId="4" fillId="0" borderId="0" xfId="277" applyNumberFormat="1" applyFont="1" applyAlignment="1" applyProtection="1"/>
    <xf numFmtId="10" fontId="4" fillId="0" borderId="0" xfId="277" applyNumberFormat="1" applyFont="1" applyProtection="1"/>
    <xf numFmtId="0" fontId="31" fillId="0" borderId="0" xfId="0" applyFont="1" applyProtection="1"/>
    <xf numFmtId="10" fontId="4" fillId="0" borderId="0" xfId="289" applyNumberFormat="1" applyFont="1" applyFill="1" applyAlignment="1" applyProtection="1"/>
    <xf numFmtId="186" fontId="4" fillId="0" borderId="0" xfId="277" applyNumberFormat="1" applyFont="1" applyProtection="1"/>
    <xf numFmtId="0" fontId="4" fillId="0" borderId="0" xfId="0" applyNumberFormat="1" applyFont="1" applyFill="1" applyProtection="1"/>
    <xf numFmtId="41" fontId="4" fillId="0" borderId="0" xfId="277" applyNumberFormat="1" applyFont="1" applyAlignment="1" applyProtection="1">
      <alignment horizontal="center"/>
    </xf>
    <xf numFmtId="41" fontId="4" fillId="0" borderId="14" xfId="277" applyNumberFormat="1" applyFont="1" applyBorder="1" applyAlignment="1" applyProtection="1">
      <alignment horizontal="center"/>
    </xf>
    <xf numFmtId="41" fontId="4" fillId="0" borderId="0" xfId="277" applyNumberFormat="1" applyFont="1" applyAlignment="1" applyProtection="1">
      <alignment horizontal="right"/>
    </xf>
    <xf numFmtId="42" fontId="4" fillId="0" borderId="0" xfId="289" applyNumberFormat="1" applyFont="1" applyAlignment="1" applyProtection="1"/>
    <xf numFmtId="43" fontId="4" fillId="0" borderId="0" xfId="277" applyNumberFormat="1" applyFont="1" applyAlignment="1" applyProtection="1">
      <alignment horizontal="right"/>
    </xf>
    <xf numFmtId="43" fontId="4" fillId="0" borderId="0" xfId="86" applyFont="1" applyAlignment="1" applyProtection="1"/>
    <xf numFmtId="172" fontId="4" fillId="0" borderId="0" xfId="277" applyFont="1" applyAlignment="1" applyProtection="1">
      <alignment horizontal="right"/>
    </xf>
    <xf numFmtId="0" fontId="31" fillId="0" borderId="0" xfId="0" applyFont="1" applyAlignment="1" applyProtection="1">
      <alignment horizontal="center"/>
    </xf>
    <xf numFmtId="49" fontId="4" fillId="0" borderId="0" xfId="277" applyNumberFormat="1" applyFont="1" applyAlignment="1" applyProtection="1">
      <alignment horizontal="left"/>
    </xf>
    <xf numFmtId="0" fontId="2" fillId="0" borderId="0" xfId="277" applyNumberFormat="1" applyFont="1" applyAlignment="1" applyProtection="1">
      <alignment horizontal="center" vertical="center"/>
    </xf>
    <xf numFmtId="3" fontId="5" fillId="0" borderId="0" xfId="277" applyNumberFormat="1" applyFont="1" applyAlignment="1" applyProtection="1">
      <alignment horizontal="center"/>
    </xf>
    <xf numFmtId="172" fontId="5" fillId="0" borderId="0" xfId="277" applyFont="1" applyAlignment="1" applyProtection="1">
      <alignment horizontal="center"/>
    </xf>
    <xf numFmtId="49" fontId="5" fillId="0" borderId="0" xfId="277" applyNumberFormat="1" applyFont="1" applyAlignment="1" applyProtection="1">
      <alignment horizontal="center"/>
    </xf>
    <xf numFmtId="0" fontId="9" fillId="0" borderId="0" xfId="277" applyNumberFormat="1" applyFont="1" applyAlignment="1" applyProtection="1">
      <alignment horizontal="center"/>
    </xf>
    <xf numFmtId="172" fontId="9" fillId="0" borderId="0" xfId="277" applyFont="1" applyBorder="1" applyAlignment="1" applyProtection="1">
      <alignment horizontal="center"/>
    </xf>
    <xf numFmtId="3" fontId="5" fillId="0" borderId="0" xfId="277" applyNumberFormat="1" applyFont="1" applyAlignment="1" applyProtection="1"/>
    <xf numFmtId="0" fontId="2" fillId="0" borderId="0" xfId="277" applyNumberFormat="1" applyFont="1" applyBorder="1" applyAlignment="1" applyProtection="1">
      <alignment horizontal="center"/>
    </xf>
    <xf numFmtId="3" fontId="13" fillId="0" borderId="0" xfId="277" applyNumberFormat="1" applyFont="1" applyAlignment="1" applyProtection="1">
      <alignment horizontal="center"/>
    </xf>
    <xf numFmtId="3" fontId="4" fillId="0" borderId="0" xfId="277" applyNumberFormat="1" applyFont="1" applyFill="1" applyBorder="1" applyAlignment="1" applyProtection="1">
      <alignment horizontal="center"/>
    </xf>
    <xf numFmtId="0" fontId="27" fillId="0" borderId="0" xfId="277" applyNumberFormat="1" applyFont="1" applyBorder="1" applyAlignment="1" applyProtection="1"/>
    <xf numFmtId="0" fontId="4" fillId="0" borderId="0" xfId="277" applyNumberFormat="1" applyFont="1" applyAlignment="1" applyProtection="1">
      <alignment horizontal="center" vertical="center"/>
    </xf>
    <xf numFmtId="0" fontId="4" fillId="0" borderId="0" xfId="277" applyNumberFormat="1" applyFont="1" applyBorder="1" applyAlignment="1" applyProtection="1">
      <alignment vertical="center"/>
    </xf>
    <xf numFmtId="3" fontId="4" fillId="0" borderId="0" xfId="277" applyNumberFormat="1" applyFont="1" applyFill="1" applyAlignment="1" applyProtection="1">
      <alignment vertical="center" wrapText="1"/>
    </xf>
    <xf numFmtId="3" fontId="4" fillId="0" borderId="0" xfId="277" applyNumberFormat="1" applyFont="1" applyFill="1" applyAlignment="1" applyProtection="1">
      <alignment horizontal="center" vertical="center"/>
    </xf>
    <xf numFmtId="3" fontId="4" fillId="0" borderId="0" xfId="277" applyNumberFormat="1" applyFont="1" applyFill="1" applyAlignment="1" applyProtection="1">
      <alignment vertical="center"/>
    </xf>
    <xf numFmtId="41" fontId="4" fillId="0" borderId="0" xfId="277" applyNumberFormat="1" applyFont="1" applyFill="1" applyAlignment="1" applyProtection="1">
      <alignment vertical="center"/>
    </xf>
    <xf numFmtId="3" fontId="4" fillId="0" borderId="0" xfId="277" applyNumberFormat="1" applyFont="1" applyAlignment="1" applyProtection="1">
      <alignment vertical="center"/>
    </xf>
    <xf numFmtId="0" fontId="4" fillId="0" borderId="0" xfId="277" applyNumberFormat="1" applyFont="1" applyFill="1" applyBorder="1" applyAlignment="1" applyProtection="1"/>
    <xf numFmtId="0" fontId="4" fillId="0" borderId="0" xfId="277" applyNumberFormat="1" applyFont="1" applyBorder="1" applyAlignment="1" applyProtection="1"/>
    <xf numFmtId="41" fontId="4" fillId="0" borderId="6" xfId="277" applyNumberFormat="1" applyFont="1" applyFill="1" applyBorder="1" applyAlignment="1" applyProtection="1"/>
    <xf numFmtId="0" fontId="31" fillId="0" borderId="0" xfId="0" applyFont="1" applyAlignment="1" applyProtection="1"/>
    <xf numFmtId="172" fontId="5" fillId="0" borderId="0" xfId="277" applyFont="1" applyFill="1" applyAlignment="1" applyProtection="1">
      <alignment horizontal="right"/>
    </xf>
    <xf numFmtId="178" fontId="5" fillId="0" borderId="0" xfId="277" applyNumberFormat="1" applyFont="1" applyFill="1" applyAlignment="1" applyProtection="1">
      <alignment horizontal="right"/>
    </xf>
    <xf numFmtId="166" fontId="5" fillId="0" borderId="0" xfId="277" applyNumberFormat="1" applyFont="1" applyFill="1" applyAlignment="1" applyProtection="1">
      <alignment horizontal="right"/>
    </xf>
    <xf numFmtId="178" fontId="4" fillId="0" borderId="0" xfId="277" applyNumberFormat="1" applyFont="1" applyAlignment="1" applyProtection="1"/>
    <xf numFmtId="184" fontId="4" fillId="0" borderId="0" xfId="277" applyNumberFormat="1" applyFont="1" applyFill="1" applyAlignment="1" applyProtection="1"/>
    <xf numFmtId="183" fontId="4" fillId="0" borderId="0" xfId="277" applyNumberFormat="1" applyFont="1" applyFill="1" applyAlignment="1" applyProtection="1"/>
    <xf numFmtId="3" fontId="5" fillId="0" borderId="0" xfId="277" applyNumberFormat="1" applyFont="1" applyFill="1" applyAlignment="1" applyProtection="1">
      <alignment horizontal="right" vertical="center"/>
    </xf>
    <xf numFmtId="165" fontId="4" fillId="0" borderId="0" xfId="277" applyNumberFormat="1" applyFont="1" applyFill="1" applyAlignment="1" applyProtection="1"/>
    <xf numFmtId="0" fontId="4" fillId="0" borderId="0" xfId="27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77" applyNumberFormat="1" applyFont="1" applyFill="1" applyAlignment="1" applyProtection="1">
      <alignment horizontal="center"/>
    </xf>
    <xf numFmtId="0" fontId="2" fillId="32" borderId="0" xfId="277" applyNumberFormat="1" applyFont="1" applyFill="1" applyAlignment="1" applyProtection="1">
      <alignment horizontal="center"/>
    </xf>
    <xf numFmtId="41" fontId="4" fillId="0" borderId="0" xfId="277" applyNumberFormat="1" applyFont="1" applyAlignment="1" applyProtection="1"/>
    <xf numFmtId="165" fontId="4" fillId="0" borderId="0" xfId="277" applyNumberFormat="1" applyFont="1" applyAlignment="1" applyProtection="1"/>
    <xf numFmtId="3" fontId="5" fillId="0" borderId="0" xfId="277" applyNumberFormat="1" applyFont="1" applyFill="1" applyAlignment="1" applyProtection="1">
      <alignment horizontal="right"/>
    </xf>
    <xf numFmtId="182" fontId="4" fillId="0" borderId="0" xfId="86" applyNumberFormat="1" applyFont="1" applyFill="1" applyAlignment="1" applyProtection="1"/>
    <xf numFmtId="172" fontId="4" fillId="0" borderId="0" xfId="277" applyFont="1" applyBorder="1" applyAlignment="1" applyProtection="1"/>
    <xf numFmtId="164" fontId="4" fillId="0" borderId="0" xfId="277" applyNumberFormat="1" applyFont="1" applyFill="1" applyAlignment="1" applyProtection="1">
      <alignment horizontal="left"/>
    </xf>
    <xf numFmtId="0" fontId="31" fillId="0" borderId="0" xfId="0" applyFont="1" applyFill="1" applyProtection="1"/>
    <xf numFmtId="175" fontId="4" fillId="0" borderId="0" xfId="277" applyNumberFormat="1" applyFont="1" applyAlignment="1" applyProtection="1"/>
    <xf numFmtId="41" fontId="4" fillId="0" borderId="0" xfId="277" applyNumberFormat="1" applyFont="1" applyAlignment="1" applyProtection="1">
      <alignment horizontal="center" vertical="center"/>
    </xf>
    <xf numFmtId="41" fontId="4" fillId="0" borderId="6" xfId="277" applyNumberFormat="1" applyFont="1" applyBorder="1" applyAlignment="1" applyProtection="1"/>
    <xf numFmtId="41" fontId="4" fillId="0" borderId="16" xfId="277" applyNumberFormat="1" applyFont="1" applyBorder="1" applyAlignment="1" applyProtection="1"/>
    <xf numFmtId="164" fontId="4" fillId="0" borderId="0" xfId="277" applyNumberFormat="1" applyFont="1" applyAlignment="1" applyProtection="1">
      <alignment horizontal="center"/>
    </xf>
    <xf numFmtId="0" fontId="84" fillId="0" borderId="0" xfId="277" applyNumberFormat="1" applyFont="1" applyAlignment="1" applyProtection="1">
      <alignment horizontal="center"/>
    </xf>
    <xf numFmtId="3" fontId="4" fillId="0" borderId="0" xfId="277" applyNumberFormat="1" applyFont="1" applyAlignment="1" applyProtection="1">
      <alignment horizontal="right"/>
    </xf>
    <xf numFmtId="172" fontId="4" fillId="0" borderId="0" xfId="277" applyFont="1" applyAlignment="1" applyProtection="1">
      <alignment horizontal="center"/>
    </xf>
    <xf numFmtId="172" fontId="4" fillId="0" borderId="0" xfId="277" applyFont="1" applyFill="1" applyAlignment="1" applyProtection="1">
      <alignment horizontal="center"/>
    </xf>
    <xf numFmtId="0" fontId="0" fillId="0" borderId="0" xfId="0" applyAlignment="1" applyProtection="1">
      <alignment horizontal="center"/>
    </xf>
    <xf numFmtId="0" fontId="5" fillId="0" borderId="0" xfId="277" applyNumberFormat="1" applyFont="1" applyAlignment="1" applyProtection="1">
      <alignment horizontal="center"/>
    </xf>
    <xf numFmtId="172" fontId="5" fillId="0" borderId="0" xfId="277" applyFont="1" applyAlignment="1" applyProtection="1"/>
    <xf numFmtId="3" fontId="9" fillId="0" borderId="0" xfId="277" applyNumberFormat="1" applyFont="1" applyAlignment="1" applyProtection="1">
      <alignment horizontal="center"/>
    </xf>
    <xf numFmtId="3" fontId="5" fillId="0" borderId="0" xfId="277" applyNumberFormat="1" applyFont="1" applyFill="1" applyAlignment="1" applyProtection="1"/>
    <xf numFmtId="3" fontId="9" fillId="0" borderId="0" xfId="277" applyNumberFormat="1" applyFont="1" applyFill="1" applyAlignment="1" applyProtection="1"/>
    <xf numFmtId="3" fontId="9" fillId="0" borderId="0" xfId="277" applyNumberFormat="1" applyFont="1" applyAlignment="1" applyProtection="1"/>
    <xf numFmtId="41" fontId="150" fillId="32" borderId="0" xfId="27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77" applyNumberFormat="1" applyFont="1" applyFill="1" applyAlignment="1" applyProtection="1">
      <alignment horizontal="center"/>
    </xf>
    <xf numFmtId="3" fontId="92" fillId="0" borderId="0" xfId="277" applyNumberFormat="1" applyFont="1" applyFill="1" applyAlignment="1" applyProtection="1">
      <alignment horizontal="right"/>
    </xf>
    <xf numFmtId="41" fontId="4" fillId="0" borderId="0" xfId="277" applyNumberFormat="1" applyFont="1" applyBorder="1" applyAlignment="1" applyProtection="1"/>
    <xf numFmtId="3" fontId="4" fillId="0" borderId="0" xfId="277" applyNumberFormat="1" applyFont="1" applyAlignment="1" applyProtection="1">
      <alignment vertical="center" wrapText="1"/>
    </xf>
    <xf numFmtId="41" fontId="92" fillId="0" borderId="0" xfId="277" applyNumberFormat="1" applyFont="1" applyFill="1" applyAlignment="1" applyProtection="1">
      <alignment horizontal="right"/>
    </xf>
    <xf numFmtId="3" fontId="4" fillId="0" borderId="0" xfId="277" applyNumberFormat="1" applyFont="1" applyAlignment="1" applyProtection="1">
      <alignment horizontal="center" vertical="center"/>
    </xf>
    <xf numFmtId="41" fontId="4" fillId="0" borderId="0" xfId="277" applyNumberFormat="1" applyFont="1" applyAlignment="1" applyProtection="1">
      <alignment vertical="center"/>
    </xf>
    <xf numFmtId="3" fontId="4" fillId="0" borderId="0" xfId="277" applyNumberFormat="1" applyFont="1" applyAlignment="1" applyProtection="1">
      <alignment horizontal="left" wrapText="1"/>
    </xf>
    <xf numFmtId="0" fontId="11" fillId="0" borderId="0" xfId="0" applyFont="1" applyAlignment="1" applyProtection="1">
      <alignment horizontal="left" wrapText="1"/>
    </xf>
    <xf numFmtId="3" fontId="4" fillId="0" borderId="0" xfId="277" applyNumberFormat="1" applyFont="1" applyFill="1" applyAlignment="1" applyProtection="1">
      <alignment horizontal="right"/>
    </xf>
    <xf numFmtId="43" fontId="4" fillId="0" borderId="0" xfId="289" applyNumberFormat="1" applyFont="1" applyFill="1" applyAlignment="1" applyProtection="1"/>
    <xf numFmtId="166" fontId="4" fillId="0" borderId="0" xfId="277" applyNumberFormat="1" applyFont="1" applyAlignment="1" applyProtection="1"/>
    <xf numFmtId="182" fontId="4" fillId="0" borderId="0" xfId="86" applyNumberFormat="1" applyFont="1" applyAlignment="1" applyProtection="1"/>
    <xf numFmtId="167" fontId="4" fillId="0" borderId="0" xfId="277" applyNumberFormat="1" applyFont="1" applyAlignment="1" applyProtection="1"/>
    <xf numFmtId="172" fontId="22" fillId="0" borderId="0" xfId="277" applyFont="1" applyAlignment="1" applyProtection="1"/>
    <xf numFmtId="164" fontId="4" fillId="0" borderId="0" xfId="277" applyNumberFormat="1" applyFont="1" applyBorder="1" applyAlignment="1" applyProtection="1">
      <alignment horizontal="left"/>
    </xf>
    <xf numFmtId="168" fontId="4" fillId="0" borderId="0" xfId="277" applyNumberFormat="1" applyFont="1" applyAlignment="1" applyProtection="1"/>
    <xf numFmtId="10" fontId="4" fillId="0" borderId="0" xfId="277" applyNumberFormat="1" applyFont="1" applyFill="1" applyAlignment="1" applyProtection="1">
      <alignment horizontal="right"/>
    </xf>
    <xf numFmtId="10" fontId="31" fillId="0" borderId="0" xfId="289" applyNumberFormat="1" applyFont="1" applyProtection="1"/>
    <xf numFmtId="3" fontId="22" fillId="0" borderId="0" xfId="277" applyNumberFormat="1" applyFont="1" applyAlignment="1" applyProtection="1"/>
    <xf numFmtId="167" fontId="4" fillId="0" borderId="0" xfId="277" applyNumberFormat="1" applyFont="1" applyFill="1" applyAlignment="1" applyProtection="1"/>
    <xf numFmtId="166" fontId="4" fillId="0" borderId="0" xfId="277" applyNumberFormat="1" applyFont="1" applyAlignment="1" applyProtection="1">
      <alignment horizontal="center"/>
    </xf>
    <xf numFmtId="188" fontId="22" fillId="0" borderId="0" xfId="277" applyNumberFormat="1" applyFont="1" applyAlignment="1" applyProtection="1">
      <alignment horizontal="center"/>
    </xf>
    <xf numFmtId="189" fontId="4" fillId="0" borderId="0" xfId="277" applyNumberFormat="1" applyFont="1" applyAlignment="1" applyProtection="1"/>
    <xf numFmtId="164" fontId="4" fillId="0" borderId="0" xfId="277" applyNumberFormat="1" applyFont="1" applyFill="1" applyBorder="1" applyAlignment="1" applyProtection="1">
      <alignment horizontal="left"/>
    </xf>
    <xf numFmtId="179" fontId="4" fillId="0" borderId="0" xfId="27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77" applyNumberFormat="1" applyFont="1" applyAlignment="1" applyProtection="1"/>
    <xf numFmtId="43" fontId="22" fillId="0" borderId="0" xfId="86" applyFont="1" applyAlignment="1" applyProtection="1"/>
    <xf numFmtId="10" fontId="4" fillId="0" borderId="0" xfId="277" applyNumberFormat="1" applyFont="1" applyFill="1" applyAlignment="1" applyProtection="1">
      <alignment horizontal="left"/>
    </xf>
    <xf numFmtId="168" fontId="4" fillId="0" borderId="0" xfId="277" applyNumberFormat="1" applyFont="1" applyFill="1" applyAlignment="1" applyProtection="1">
      <alignment horizontal="left"/>
    </xf>
    <xf numFmtId="0" fontId="11" fillId="0" borderId="0" xfId="0" applyFont="1" applyProtection="1"/>
    <xf numFmtId="41" fontId="4" fillId="0" borderId="0" xfId="277" applyNumberFormat="1" applyFont="1" applyFill="1" applyAlignment="1" applyProtection="1">
      <alignment horizontal="right"/>
    </xf>
    <xf numFmtId="179" fontId="4" fillId="0" borderId="0" xfId="277" applyNumberFormat="1" applyFont="1" applyAlignment="1" applyProtection="1"/>
    <xf numFmtId="173" fontId="4" fillId="0" borderId="0" xfId="277" applyNumberFormat="1" applyFont="1" applyAlignment="1" applyProtection="1"/>
    <xf numFmtId="164" fontId="4" fillId="0" borderId="0" xfId="277" applyNumberFormat="1" applyFont="1" applyFill="1" applyBorder="1" applyAlignment="1" applyProtection="1">
      <alignment horizontal="left" vertical="center"/>
    </xf>
    <xf numFmtId="41" fontId="4" fillId="0" borderId="0" xfId="277" applyNumberFormat="1" applyFont="1" applyFill="1" applyAlignment="1" applyProtection="1">
      <alignment horizontal="center" vertical="center"/>
    </xf>
    <xf numFmtId="180" fontId="4" fillId="0" borderId="0" xfId="277" applyNumberFormat="1" applyFont="1" applyAlignment="1" applyProtection="1"/>
    <xf numFmtId="173" fontId="4" fillId="0" borderId="14" xfId="86" applyNumberFormat="1" applyFont="1" applyBorder="1" applyAlignment="1" applyProtection="1"/>
    <xf numFmtId="0" fontId="4" fillId="0" borderId="0" xfId="277" applyNumberFormat="1" applyFont="1" applyFill="1" applyBorder="1" applyAlignment="1" applyProtection="1">
      <alignment horizontal="left"/>
    </xf>
    <xf numFmtId="0" fontId="5" fillId="0" borderId="0" xfId="277" applyNumberFormat="1" applyFont="1" applyAlignment="1" applyProtection="1"/>
    <xf numFmtId="0" fontId="4" fillId="0" borderId="0" xfId="0" applyFont="1" applyFill="1" applyAlignment="1" applyProtection="1">
      <alignment horizontal="left"/>
    </xf>
    <xf numFmtId="0" fontId="4" fillId="0" borderId="0" xfId="277" applyNumberFormat="1" applyFont="1" applyFill="1" applyBorder="1" applyProtection="1"/>
    <xf numFmtId="3" fontId="4" fillId="0" borderId="0" xfId="277" applyNumberFormat="1" applyFont="1" applyFill="1" applyBorder="1" applyAlignment="1" applyProtection="1"/>
    <xf numFmtId="172" fontId="4" fillId="0" borderId="0" xfId="277" applyFont="1" applyFill="1" applyBorder="1" applyAlignment="1" applyProtection="1"/>
    <xf numFmtId="172" fontId="4" fillId="0" borderId="0" xfId="277" applyFont="1" applyFill="1" applyBorder="1" applyAlignment="1" applyProtection="1">
      <alignment horizontal="center"/>
    </xf>
    <xf numFmtId="3" fontId="4" fillId="0" borderId="0" xfId="277" applyNumberFormat="1" applyFont="1" applyFill="1" applyBorder="1" applyAlignment="1" applyProtection="1">
      <alignment horizontal="left"/>
    </xf>
    <xf numFmtId="0" fontId="4" fillId="0" borderId="0" xfId="277" applyNumberFormat="1" applyFont="1" applyFill="1" applyBorder="1" applyAlignment="1" applyProtection="1">
      <alignment horizontal="center"/>
    </xf>
    <xf numFmtId="49" fontId="4" fillId="0" borderId="0" xfId="277" applyNumberFormat="1" applyFont="1" applyFill="1" applyBorder="1" applyProtection="1"/>
    <xf numFmtId="49" fontId="4" fillId="0" borderId="0" xfId="277" applyNumberFormat="1" applyFont="1" applyFill="1" applyBorder="1" applyAlignment="1" applyProtection="1"/>
    <xf numFmtId="49" fontId="4" fillId="0" borderId="0" xfId="277" applyNumberFormat="1" applyFont="1" applyFill="1" applyBorder="1" applyAlignment="1" applyProtection="1">
      <alignment horizontal="center"/>
    </xf>
    <xf numFmtId="3" fontId="5" fillId="0" borderId="0" xfId="277" applyNumberFormat="1" applyFont="1" applyFill="1" applyBorder="1" applyAlignment="1" applyProtection="1">
      <alignment horizontal="right"/>
    </xf>
    <xf numFmtId="165" fontId="5" fillId="0" borderId="0" xfId="277" applyNumberFormat="1" applyFont="1" applyFill="1" applyBorder="1" applyAlignment="1" applyProtection="1">
      <alignment horizontal="right"/>
    </xf>
    <xf numFmtId="0" fontId="5" fillId="0" borderId="0" xfId="277" applyNumberFormat="1" applyFont="1" applyFill="1" applyAlignment="1" applyProtection="1"/>
    <xf numFmtId="3" fontId="4" fillId="0" borderId="0" xfId="277" applyNumberFormat="1" applyFont="1" applyFill="1" applyProtection="1"/>
    <xf numFmtId="3" fontId="4" fillId="0" borderId="0" xfId="27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77" applyNumberFormat="1" applyFont="1" applyAlignment="1" applyProtection="1"/>
    <xf numFmtId="172" fontId="5" fillId="0" borderId="0" xfId="277" applyFont="1" applyAlignment="1" applyProtection="1">
      <alignment horizontal="right"/>
    </xf>
    <xf numFmtId="165" fontId="5" fillId="0" borderId="0" xfId="277" applyNumberFormat="1" applyFont="1" applyAlignment="1" applyProtection="1"/>
    <xf numFmtId="0" fontId="9" fillId="0" borderId="0" xfId="277" applyNumberFormat="1" applyFont="1" applyFill="1" applyBorder="1" applyAlignment="1" applyProtection="1"/>
    <xf numFmtId="3" fontId="4" fillId="0" borderId="6" xfId="277" applyNumberFormat="1" applyFont="1" applyFill="1" applyBorder="1" applyAlignment="1" applyProtection="1">
      <alignment horizontal="center"/>
    </xf>
    <xf numFmtId="41" fontId="5" fillId="0" borderId="0" xfId="277" applyNumberFormat="1" applyFont="1" applyFill="1" applyAlignment="1" applyProtection="1"/>
    <xf numFmtId="0" fontId="13" fillId="0" borderId="0" xfId="277" applyNumberFormat="1" applyFont="1" applyFill="1" applyBorder="1" applyAlignment="1" applyProtection="1">
      <alignment horizontal="left"/>
    </xf>
    <xf numFmtId="3" fontId="4" fillId="32" borderId="0" xfId="277" applyNumberFormat="1" applyFont="1" applyFill="1" applyAlignment="1" applyProtection="1"/>
    <xf numFmtId="0" fontId="11" fillId="0" borderId="0" xfId="0" applyFont="1" applyFill="1" applyProtection="1"/>
    <xf numFmtId="0" fontId="4" fillId="0" borderId="0" xfId="277" applyNumberFormat="1" applyFont="1" applyFill="1" applyAlignment="1" applyProtection="1">
      <alignment horizontal="left"/>
    </xf>
    <xf numFmtId="0" fontId="4" fillId="0" borderId="6" xfId="27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77" applyNumberFormat="1" applyFont="1" applyFill="1" applyAlignment="1" applyProtection="1"/>
    <xf numFmtId="169" fontId="4" fillId="0" borderId="17" xfId="277" applyNumberFormat="1" applyFont="1" applyFill="1" applyBorder="1" applyAlignment="1" applyProtection="1"/>
    <xf numFmtId="169" fontId="4" fillId="0" borderId="0" xfId="277" applyNumberFormat="1" applyFont="1" applyFill="1" applyBorder="1" applyAlignment="1" applyProtection="1"/>
    <xf numFmtId="10" fontId="4" fillId="0" borderId="6" xfId="277" applyNumberFormat="1" applyFont="1" applyFill="1" applyBorder="1" applyAlignment="1" applyProtection="1"/>
    <xf numFmtId="169" fontId="4" fillId="0" borderId="6" xfId="277" applyNumberFormat="1" applyFont="1" applyFill="1" applyBorder="1" applyAlignment="1" applyProtection="1"/>
    <xf numFmtId="182" fontId="11" fillId="0" borderId="0" xfId="86" applyNumberFormat="1" applyFont="1" applyFill="1" applyProtection="1"/>
    <xf numFmtId="0" fontId="2" fillId="31" borderId="0" xfId="277" applyNumberFormat="1" applyFont="1" applyFill="1" applyAlignment="1" applyProtection="1">
      <alignment horizontal="center"/>
    </xf>
    <xf numFmtId="0" fontId="4" fillId="31" borderId="0" xfId="277" applyNumberFormat="1" applyFont="1" applyFill="1" applyAlignment="1" applyProtection="1">
      <alignment horizontal="center"/>
    </xf>
    <xf numFmtId="0" fontId="9" fillId="31" borderId="0" xfId="277" applyNumberFormat="1" applyFont="1" applyFill="1" applyBorder="1" applyAlignment="1" applyProtection="1"/>
    <xf numFmtId="0" fontId="4" fillId="31" borderId="0" xfId="277" applyNumberFormat="1" applyFont="1" applyFill="1" applyBorder="1" applyAlignment="1" applyProtection="1">
      <alignment horizontal="left"/>
    </xf>
    <xf numFmtId="3" fontId="4" fillId="31" borderId="0" xfId="277" applyNumberFormat="1" applyFont="1" applyFill="1" applyAlignment="1" applyProtection="1"/>
    <xf numFmtId="172" fontId="4" fillId="31" borderId="0" xfId="277" applyFont="1" applyFill="1" applyAlignment="1" applyProtection="1"/>
    <xf numFmtId="3" fontId="5" fillId="31" borderId="0" xfId="277" applyNumberFormat="1" applyFont="1" applyFill="1" applyAlignment="1" applyProtection="1"/>
    <xf numFmtId="166" fontId="5" fillId="31" borderId="0" xfId="277" applyNumberFormat="1" applyFont="1" applyFill="1" applyProtection="1"/>
    <xf numFmtId="0" fontId="4" fillId="31" borderId="0" xfId="277" applyNumberFormat="1" applyFont="1" applyFill="1" applyBorder="1" applyAlignment="1" applyProtection="1"/>
    <xf numFmtId="3" fontId="4" fillId="31" borderId="6" xfId="277" applyNumberFormat="1" applyFont="1" applyFill="1" applyBorder="1" applyAlignment="1" applyProtection="1">
      <alignment horizontal="center"/>
    </xf>
    <xf numFmtId="41" fontId="4" fillId="31" borderId="0" xfId="277" applyNumberFormat="1" applyFont="1" applyFill="1" applyAlignment="1" applyProtection="1"/>
    <xf numFmtId="0" fontId="13" fillId="31" borderId="0" xfId="277" applyNumberFormat="1" applyFont="1" applyFill="1" applyBorder="1" applyAlignment="1" applyProtection="1">
      <alignment horizontal="left"/>
    </xf>
    <xf numFmtId="0" fontId="0" fillId="31" borderId="0" xfId="0" applyFill="1" applyProtection="1"/>
    <xf numFmtId="0" fontId="4" fillId="31" borderId="0" xfId="277" applyNumberFormat="1" applyFont="1" applyFill="1" applyProtection="1"/>
    <xf numFmtId="0" fontId="31" fillId="31" borderId="0" xfId="0" applyFont="1" applyFill="1" applyProtection="1"/>
    <xf numFmtId="41" fontId="18" fillId="31" borderId="0" xfId="277" applyNumberFormat="1" applyFont="1" applyFill="1" applyAlignment="1" applyProtection="1"/>
    <xf numFmtId="10" fontId="4" fillId="31" borderId="0" xfId="289" applyNumberFormat="1" applyFont="1" applyFill="1" applyAlignment="1" applyProtection="1"/>
    <xf numFmtId="41" fontId="18" fillId="31" borderId="6" xfId="277" applyNumberFormat="1" applyFont="1" applyFill="1" applyBorder="1" applyAlignment="1" applyProtection="1"/>
    <xf numFmtId="0" fontId="4" fillId="31" borderId="0" xfId="277" applyNumberFormat="1" applyFont="1" applyFill="1" applyAlignment="1" applyProtection="1">
      <alignment horizontal="left"/>
    </xf>
    <xf numFmtId="3" fontId="22" fillId="31" borderId="0" xfId="277" applyNumberFormat="1" applyFont="1" applyFill="1" applyAlignment="1" applyProtection="1"/>
    <xf numFmtId="0" fontId="4" fillId="31" borderId="6" xfId="27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77" applyNumberFormat="1" applyFont="1" applyFill="1" applyAlignment="1" applyProtection="1"/>
    <xf numFmtId="169" fontId="22" fillId="31" borderId="0" xfId="277" applyNumberFormat="1" applyFont="1" applyFill="1" applyAlignment="1" applyProtection="1"/>
    <xf numFmtId="169" fontId="4" fillId="31" borderId="17" xfId="277" applyNumberFormat="1" applyFont="1" applyFill="1" applyBorder="1" applyAlignment="1" applyProtection="1"/>
    <xf numFmtId="3" fontId="4" fillId="0" borderId="0" xfId="277" quotePrefix="1" applyNumberFormat="1" applyFont="1" applyAlignment="1" applyProtection="1"/>
    <xf numFmtId="169" fontId="4" fillId="31" borderId="0" xfId="277" applyNumberFormat="1" applyFont="1" applyFill="1" applyBorder="1" applyAlignment="1" applyProtection="1"/>
    <xf numFmtId="10" fontId="4" fillId="31" borderId="0" xfId="277" applyNumberFormat="1" applyFont="1" applyFill="1" applyBorder="1" applyAlignment="1" applyProtection="1"/>
    <xf numFmtId="41" fontId="4" fillId="31" borderId="6" xfId="277" applyNumberFormat="1" applyFont="1" applyFill="1" applyBorder="1" applyAlignment="1" applyProtection="1"/>
    <xf numFmtId="169" fontId="4" fillId="31" borderId="6" xfId="277" applyNumberFormat="1" applyFont="1" applyFill="1" applyBorder="1" applyAlignment="1" applyProtection="1"/>
    <xf numFmtId="182" fontId="21" fillId="31" borderId="0" xfId="86" applyNumberFormat="1" applyFont="1" applyFill="1" applyProtection="1"/>
    <xf numFmtId="3" fontId="5" fillId="31" borderId="0" xfId="277" applyNumberFormat="1" applyFont="1" applyFill="1" applyAlignment="1" applyProtection="1">
      <alignment horizontal="right"/>
    </xf>
    <xf numFmtId="169" fontId="5" fillId="31" borderId="0" xfId="277" applyNumberFormat="1" applyFont="1" applyFill="1" applyAlignment="1" applyProtection="1"/>
    <xf numFmtId="3" fontId="5" fillId="0" borderId="0" xfId="27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77" applyNumberFormat="1" applyFont="1" applyAlignment="1" applyProtection="1"/>
    <xf numFmtId="172" fontId="4" fillId="0" borderId="0" xfId="277" applyFont="1" applyFill="1" applyAlignment="1" applyProtection="1">
      <alignment horizontal="right"/>
    </xf>
    <xf numFmtId="172" fontId="9" fillId="0" borderId="0" xfId="277" applyFont="1" applyAlignment="1" applyProtection="1">
      <alignment horizontal="center"/>
    </xf>
    <xf numFmtId="172" fontId="2" fillId="0" borderId="0" xfId="277" applyFont="1" applyFill="1" applyAlignment="1" applyProtection="1">
      <alignment horizontal="center"/>
    </xf>
    <xf numFmtId="172" fontId="2" fillId="0" borderId="0" xfId="277" applyFont="1" applyFill="1" applyAlignment="1" applyProtection="1"/>
    <xf numFmtId="10" fontId="4" fillId="0" borderId="0" xfId="27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77" applyNumberFormat="1" applyFont="1" applyFill="1" applyAlignment="1" applyProtection="1"/>
    <xf numFmtId="0" fontId="106" fillId="0" borderId="0" xfId="277" applyNumberFormat="1" applyFont="1" applyFill="1" applyAlignment="1" applyProtection="1"/>
    <xf numFmtId="0" fontId="25" fillId="0" borderId="0" xfId="277" applyNumberFormat="1" applyFont="1" applyFill="1" applyProtection="1"/>
    <xf numFmtId="172" fontId="25" fillId="0" borderId="0" xfId="277" applyFont="1" applyFill="1" applyAlignment="1" applyProtection="1"/>
    <xf numFmtId="0" fontId="25" fillId="0" borderId="0" xfId="0" applyFont="1" applyAlignment="1" applyProtection="1">
      <alignment vertical="top" wrapText="1"/>
    </xf>
    <xf numFmtId="172" fontId="25" fillId="0" borderId="0" xfId="277" applyFont="1" applyFill="1" applyAlignment="1" applyProtection="1">
      <alignment wrapText="1"/>
    </xf>
    <xf numFmtId="172" fontId="106" fillId="0" borderId="0" xfId="277" applyFont="1" applyFill="1" applyAlignment="1" applyProtection="1"/>
    <xf numFmtId="172" fontId="22" fillId="0" borderId="0" xfId="277" applyFont="1" applyFill="1" applyAlignment="1" applyProtection="1"/>
    <xf numFmtId="0" fontId="2" fillId="0" borderId="0" xfId="277" applyNumberFormat="1" applyFont="1" applyFill="1" applyProtection="1"/>
    <xf numFmtId="172" fontId="2" fillId="0" borderId="0" xfId="277" applyFont="1" applyFill="1" applyAlignment="1" applyProtection="1">
      <alignment horizontal="center" wrapText="1"/>
    </xf>
    <xf numFmtId="172" fontId="76" fillId="0" borderId="0" xfId="277" applyFont="1" applyFill="1" applyAlignment="1" applyProtection="1">
      <alignment horizontal="center" wrapText="1"/>
    </xf>
    <xf numFmtId="0" fontId="4" fillId="32" borderId="0" xfId="277" applyNumberFormat="1" applyFont="1" applyFill="1" applyAlignment="1" applyProtection="1">
      <alignment vertical="top" wrapText="1"/>
    </xf>
    <xf numFmtId="0" fontId="11" fillId="32" borderId="0" xfId="0" applyFont="1" applyFill="1" applyProtection="1"/>
    <xf numFmtId="0" fontId="92" fillId="0" borderId="0" xfId="277" applyNumberFormat="1" applyFont="1" applyFill="1" applyAlignment="1" applyProtection="1">
      <alignment horizontal="center"/>
    </xf>
    <xf numFmtId="172" fontId="22" fillId="0" borderId="0" xfId="277" applyFont="1" applyAlignment="1" applyProtection="1">
      <alignment wrapText="1"/>
    </xf>
    <xf numFmtId="173" fontId="18" fillId="0" borderId="0" xfId="86" applyNumberFormat="1" applyFont="1" applyFill="1" applyAlignment="1" applyProtection="1">
      <alignment horizontal="right"/>
    </xf>
    <xf numFmtId="10" fontId="18" fillId="30" borderId="0" xfId="28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20" applyFont="1" applyBorder="1" applyProtection="1"/>
    <xf numFmtId="0" fontId="4" fillId="0" borderId="0" xfId="220" applyFont="1" applyBorder="1" applyAlignment="1" applyProtection="1">
      <alignment horizontal="center"/>
    </xf>
    <xf numFmtId="0" fontId="11" fillId="0" borderId="0" xfId="220" applyFont="1" applyBorder="1" applyAlignment="1" applyProtection="1">
      <alignment horizontal="center"/>
    </xf>
    <xf numFmtId="0" fontId="16" fillId="0" borderId="0" xfId="270" applyFont="1" applyAlignment="1" applyProtection="1">
      <alignment horizontal="center"/>
    </xf>
    <xf numFmtId="0" fontId="11" fillId="0" borderId="0" xfId="0" applyFont="1" applyBorder="1" applyProtection="1"/>
    <xf numFmtId="0" fontId="11" fillId="0" borderId="0" xfId="220" applyFont="1" applyFill="1" applyBorder="1" applyProtection="1"/>
    <xf numFmtId="0" fontId="11" fillId="0" borderId="0" xfId="220" applyFont="1" applyFill="1" applyBorder="1" applyAlignment="1" applyProtection="1">
      <alignment horizontal="center" wrapText="1"/>
    </xf>
    <xf numFmtId="0" fontId="8" fillId="0" borderId="0" xfId="220" applyFont="1" applyFill="1" applyBorder="1" applyAlignment="1" applyProtection="1">
      <alignment horizontal="left"/>
    </xf>
    <xf numFmtId="0" fontId="11" fillId="0" borderId="0" xfId="220" applyFont="1" applyFill="1" applyBorder="1" applyAlignment="1" applyProtection="1"/>
    <xf numFmtId="0" fontId="11" fillId="0" borderId="0" xfId="220" applyNumberFormat="1" applyFont="1" applyFill="1" applyBorder="1" applyAlignment="1" applyProtection="1">
      <alignment horizontal="center"/>
    </xf>
    <xf numFmtId="3" fontId="11" fillId="0" borderId="0" xfId="220" applyNumberFormat="1" applyFont="1" applyFill="1" applyBorder="1" applyAlignment="1" applyProtection="1"/>
    <xf numFmtId="0" fontId="8" fillId="0" borderId="0" xfId="220"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20" applyNumberFormat="1" applyFont="1" applyFill="1" applyBorder="1" applyAlignment="1" applyProtection="1">
      <alignment horizontal="left"/>
    </xf>
    <xf numFmtId="0" fontId="11" fillId="0" borderId="0" xfId="220" applyFont="1" applyBorder="1" applyAlignment="1" applyProtection="1"/>
    <xf numFmtId="0" fontId="6" fillId="0" borderId="0" xfId="220"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70" applyNumberFormat="1" applyFont="1" applyAlignment="1" applyProtection="1">
      <alignment horizontal="center"/>
    </xf>
    <xf numFmtId="0" fontId="0" fillId="0" borderId="0" xfId="0" applyAlignment="1" applyProtection="1"/>
    <xf numFmtId="0" fontId="8" fillId="0" borderId="0" xfId="220" applyFont="1" applyBorder="1" applyAlignment="1" applyProtection="1">
      <alignment horizontal="center"/>
    </xf>
    <xf numFmtId="0" fontId="8" fillId="0" borderId="0" xfId="220" applyFont="1" applyFill="1" applyBorder="1" applyAlignment="1" applyProtection="1">
      <alignment horizontal="center"/>
    </xf>
    <xf numFmtId="0" fontId="8" fillId="0" borderId="0" xfId="220" applyFont="1" applyBorder="1" applyAlignment="1" applyProtection="1"/>
    <xf numFmtId="0" fontId="12" fillId="0" borderId="0" xfId="0" applyFont="1" applyBorder="1" applyProtection="1"/>
    <xf numFmtId="3" fontId="12" fillId="0" borderId="0" xfId="220" applyNumberFormat="1" applyFont="1" applyBorder="1" applyAlignment="1" applyProtection="1">
      <alignment horizontal="center"/>
    </xf>
    <xf numFmtId="0" fontId="8" fillId="0" borderId="0" xfId="220" applyNumberFormat="1" applyFont="1" applyFill="1" applyBorder="1" applyAlignment="1" applyProtection="1">
      <alignment horizontal="center"/>
    </xf>
    <xf numFmtId="0" fontId="16" fillId="0" borderId="0" xfId="220" applyFont="1" applyFill="1" applyBorder="1" applyAlignment="1" applyProtection="1">
      <alignment horizontal="center"/>
    </xf>
    <xf numFmtId="0" fontId="12" fillId="0" borderId="0" xfId="220"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9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20"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70" applyFont="1" applyProtection="1"/>
    <xf numFmtId="0" fontId="11" fillId="25" borderId="0" xfId="220" applyNumberFormat="1" applyFont="1" applyFill="1" applyBorder="1" applyAlignment="1" applyProtection="1">
      <alignment horizontal="center"/>
    </xf>
    <xf numFmtId="0" fontId="8" fillId="25" borderId="0" xfId="220" applyNumberFormat="1" applyFont="1" applyFill="1" applyBorder="1" applyAlignment="1" applyProtection="1">
      <alignment horizontal="left"/>
    </xf>
    <xf numFmtId="0" fontId="7" fillId="25" borderId="0" xfId="220" applyFont="1" applyFill="1" applyBorder="1" applyAlignment="1" applyProtection="1"/>
    <xf numFmtId="0" fontId="11" fillId="25" borderId="0" xfId="220" applyNumberFormat="1" applyFont="1" applyFill="1" applyBorder="1" applyAlignment="1" applyProtection="1">
      <alignment horizontal="left"/>
    </xf>
    <xf numFmtId="0" fontId="11" fillId="25" borderId="0" xfId="220"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9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20" applyNumberFormat="1" applyFont="1" applyFill="1" applyBorder="1" applyAlignment="1" applyProtection="1">
      <alignment horizontal="left"/>
    </xf>
    <xf numFmtId="0" fontId="11" fillId="0" borderId="0" xfId="270" applyFont="1" applyFill="1" applyProtection="1"/>
    <xf numFmtId="9" fontId="8" fillId="0" borderId="0" xfId="270" quotePrefix="1" applyNumberFormat="1" applyFont="1" applyFill="1" applyAlignment="1" applyProtection="1">
      <alignment horizontal="center"/>
    </xf>
    <xf numFmtId="0" fontId="8" fillId="0" borderId="0" xfId="270" applyFont="1" applyFill="1" applyAlignment="1" applyProtection="1">
      <alignment horizontal="center"/>
    </xf>
    <xf numFmtId="0" fontId="68" fillId="0" borderId="0" xfId="270" applyFont="1" applyFill="1" applyAlignment="1" applyProtection="1">
      <alignment horizontal="center"/>
    </xf>
    <xf numFmtId="0" fontId="16" fillId="0" borderId="0" xfId="270" applyFont="1" applyFill="1" applyAlignment="1" applyProtection="1">
      <alignment horizontal="center"/>
    </xf>
    <xf numFmtId="0" fontId="85" fillId="0" borderId="0" xfId="270" applyFont="1" applyFill="1" applyAlignment="1" applyProtection="1">
      <alignment horizontal="center"/>
    </xf>
    <xf numFmtId="38" fontId="11" fillId="0" borderId="0" xfId="220" applyNumberFormat="1" applyFont="1" applyFill="1" applyBorder="1" applyAlignment="1" applyProtection="1">
      <alignment horizontal="right"/>
    </xf>
    <xf numFmtId="37" fontId="11" fillId="0" borderId="0" xfId="220" applyNumberFormat="1" applyFont="1" applyFill="1" applyBorder="1" applyAlignment="1" applyProtection="1">
      <alignment horizontal="right"/>
    </xf>
    <xf numFmtId="0" fontId="11" fillId="0" borderId="0" xfId="220"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20" applyNumberFormat="1" applyFont="1" applyFill="1" applyBorder="1" applyAlignment="1" applyProtection="1"/>
    <xf numFmtId="37" fontId="7" fillId="0" borderId="0" xfId="220" applyNumberFormat="1" applyFont="1" applyFill="1" applyBorder="1" applyAlignment="1" applyProtection="1"/>
    <xf numFmtId="0" fontId="8" fillId="0" borderId="0" xfId="220" applyFont="1" applyBorder="1" applyProtection="1"/>
    <xf numFmtId="173" fontId="7" fillId="0" borderId="14" xfId="86" applyNumberFormat="1" applyFont="1" applyFill="1" applyBorder="1" applyAlignment="1" applyProtection="1"/>
    <xf numFmtId="0" fontId="11" fillId="0" borderId="14" xfId="220"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70" applyFill="1" applyAlignment="1" applyProtection="1">
      <alignment horizontal="left"/>
    </xf>
    <xf numFmtId="0" fontId="1" fillId="0" borderId="0" xfId="270" applyFill="1" applyProtection="1"/>
    <xf numFmtId="0" fontId="79" fillId="0" borderId="0" xfId="27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7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20" applyFont="1" applyBorder="1" applyProtection="1"/>
    <xf numFmtId="38" fontId="11" fillId="0" borderId="0" xfId="0" applyNumberFormat="1" applyFont="1" applyFill="1" applyBorder="1" applyProtection="1"/>
    <xf numFmtId="0" fontId="31" fillId="0" borderId="0" xfId="270" applyFont="1" applyFill="1" applyAlignment="1" applyProtection="1">
      <alignment horizontal="left"/>
    </xf>
    <xf numFmtId="0" fontId="31" fillId="0" borderId="0" xfId="270" applyFont="1" applyFill="1" applyProtection="1"/>
    <xf numFmtId="0" fontId="95" fillId="0" borderId="0" xfId="270" applyFont="1" applyFill="1" applyAlignment="1" applyProtection="1">
      <alignment horizontal="center"/>
    </xf>
    <xf numFmtId="0" fontId="96" fillId="0" borderId="0" xfId="270"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7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82" applyFont="1" applyProtection="1"/>
    <xf numFmtId="0" fontId="2" fillId="0" borderId="0" xfId="282" applyFont="1" applyAlignment="1" applyProtection="1">
      <alignment horizontal="right"/>
    </xf>
    <xf numFmtId="0" fontId="9" fillId="0" borderId="0" xfId="282" applyFont="1" applyAlignment="1" applyProtection="1">
      <alignment horizontal="center"/>
    </xf>
    <xf numFmtId="0" fontId="25" fillId="0" borderId="0" xfId="0" applyFont="1" applyProtection="1"/>
    <xf numFmtId="0" fontId="4" fillId="0" borderId="0" xfId="282" applyFont="1" applyProtection="1"/>
    <xf numFmtId="0" fontId="81" fillId="0" borderId="0" xfId="282" applyFont="1" applyProtection="1"/>
    <xf numFmtId="0" fontId="25" fillId="0" borderId="0" xfId="0" applyFont="1" applyAlignment="1" applyProtection="1">
      <alignment horizontal="center"/>
    </xf>
    <xf numFmtId="0" fontId="9" fillId="0" borderId="0" xfId="282" applyFont="1" applyBorder="1" applyAlignment="1" applyProtection="1">
      <alignment horizontal="center"/>
    </xf>
    <xf numFmtId="0" fontId="2" fillId="0" borderId="0" xfId="0" applyFont="1" applyAlignment="1" applyProtection="1">
      <alignment horizontal="right"/>
    </xf>
    <xf numFmtId="0" fontId="5" fillId="0" borderId="0" xfId="282" applyFont="1" applyFill="1" applyProtection="1"/>
    <xf numFmtId="0" fontId="25" fillId="0" borderId="0" xfId="282" applyFont="1" applyAlignment="1" applyProtection="1">
      <alignment horizontal="center"/>
    </xf>
    <xf numFmtId="0" fontId="8" fillId="0" borderId="0" xfId="282" applyFont="1" applyFill="1" applyAlignment="1" applyProtection="1">
      <alignment horizontal="center"/>
    </xf>
    <xf numFmtId="0" fontId="8" fillId="0" borderId="0" xfId="282" applyFont="1" applyFill="1" applyProtection="1"/>
    <xf numFmtId="0" fontId="100" fillId="0" borderId="0" xfId="0" applyFont="1" applyProtection="1"/>
    <xf numFmtId="0" fontId="100" fillId="0" borderId="0" xfId="282" applyFont="1" applyProtection="1"/>
    <xf numFmtId="0" fontId="11" fillId="0" borderId="0" xfId="282" applyFont="1" applyProtection="1"/>
    <xf numFmtId="173" fontId="11" fillId="0" borderId="0" xfId="282" applyNumberFormat="1" applyFont="1" applyFill="1" applyProtection="1"/>
    <xf numFmtId="0" fontId="11" fillId="0" borderId="0" xfId="0" applyFont="1" applyAlignment="1" applyProtection="1">
      <alignment horizontal="center"/>
    </xf>
    <xf numFmtId="172" fontId="11" fillId="0" borderId="0" xfId="282" applyNumberFormat="1" applyFont="1" applyFill="1" applyAlignment="1" applyProtection="1">
      <alignment horizontal="center"/>
    </xf>
    <xf numFmtId="0" fontId="11" fillId="0" borderId="0" xfId="282" applyFont="1" applyFill="1" applyProtection="1"/>
    <xf numFmtId="0" fontId="8" fillId="0" borderId="0" xfId="282" applyFont="1" applyProtection="1"/>
    <xf numFmtId="43" fontId="11" fillId="0" borderId="0" xfId="118" applyFont="1" applyFill="1" applyProtection="1"/>
    <xf numFmtId="0" fontId="93" fillId="0" borderId="0" xfId="282" applyFont="1" applyProtection="1"/>
    <xf numFmtId="185" fontId="11" fillId="0" borderId="0" xfId="0" applyNumberFormat="1" applyFont="1" applyProtection="1"/>
    <xf numFmtId="173" fontId="11" fillId="0" borderId="0" xfId="282" applyNumberFormat="1" applyFont="1" applyProtection="1"/>
    <xf numFmtId="173" fontId="11" fillId="0" borderId="13" xfId="0" applyNumberFormat="1" applyFont="1" applyBorder="1" applyProtection="1"/>
    <xf numFmtId="173" fontId="11" fillId="0" borderId="0" xfId="282" applyNumberFormat="1" applyFont="1" applyBorder="1" applyProtection="1"/>
    <xf numFmtId="0" fontId="93" fillId="0" borderId="0" xfId="282" applyFont="1" applyFill="1" applyProtection="1"/>
    <xf numFmtId="173" fontId="11" fillId="0" borderId="13" xfId="282" applyNumberFormat="1" applyFont="1" applyBorder="1" applyProtection="1"/>
    <xf numFmtId="0" fontId="25" fillId="0" borderId="0" xfId="282" applyFont="1" applyProtection="1"/>
    <xf numFmtId="43" fontId="4" fillId="0" borderId="0" xfId="118" applyFont="1" applyFill="1" applyProtection="1"/>
    <xf numFmtId="173" fontId="4" fillId="0" borderId="0" xfId="282" applyNumberFormat="1" applyFont="1" applyProtection="1"/>
    <xf numFmtId="173" fontId="4" fillId="0" borderId="0" xfId="28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7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7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78" applyFont="1" applyProtection="1"/>
    <xf numFmtId="0" fontId="4" fillId="0" borderId="0" xfId="278" applyFont="1" applyProtection="1"/>
    <xf numFmtId="0" fontId="17" fillId="0" borderId="0" xfId="278" applyNumberFormat="1" applyFont="1" applyAlignment="1" applyProtection="1">
      <alignment horizontal="center"/>
    </xf>
    <xf numFmtId="0" fontId="17" fillId="0" borderId="0" xfId="278" applyNumberFormat="1" applyFont="1" applyProtection="1"/>
    <xf numFmtId="0" fontId="5" fillId="0" borderId="0" xfId="270" applyFont="1" applyFill="1" applyAlignment="1" applyProtection="1">
      <alignment horizontal="center"/>
    </xf>
    <xf numFmtId="0" fontId="11" fillId="0" borderId="0" xfId="278" applyNumberFormat="1" applyFont="1" applyProtection="1"/>
    <xf numFmtId="0" fontId="3" fillId="0" borderId="0" xfId="278" applyNumberFormat="1" applyFont="1" applyAlignment="1" applyProtection="1">
      <alignment horizontal="center"/>
    </xf>
    <xf numFmtId="0" fontId="3" fillId="0" borderId="0" xfId="278" applyNumberFormat="1" applyFont="1" applyProtection="1"/>
    <xf numFmtId="185" fontId="3" fillId="0" borderId="0" xfId="278" applyNumberFormat="1" applyFont="1" applyAlignment="1" applyProtection="1">
      <alignment horizontal="center"/>
    </xf>
    <xf numFmtId="0" fontId="73" fillId="0" borderId="0" xfId="278" applyFont="1" applyProtection="1"/>
    <xf numFmtId="0" fontId="8" fillId="0" borderId="0" xfId="278" applyFont="1" applyProtection="1"/>
    <xf numFmtId="0" fontId="3" fillId="0" borderId="11" xfId="278" applyNumberFormat="1" applyFont="1" applyBorder="1" applyAlignment="1" applyProtection="1">
      <alignment horizontal="center"/>
    </xf>
    <xf numFmtId="185" fontId="3" fillId="0" borderId="11" xfId="278" applyNumberFormat="1" applyFont="1" applyBorder="1" applyAlignment="1" applyProtection="1">
      <alignment horizontal="center"/>
    </xf>
    <xf numFmtId="0" fontId="73" fillId="0" borderId="11" xfId="278" applyFont="1" applyBorder="1" applyAlignment="1" applyProtection="1">
      <alignment horizontal="center"/>
    </xf>
    <xf numFmtId="0" fontId="8" fillId="0" borderId="0" xfId="278" applyFont="1" applyAlignment="1" applyProtection="1">
      <alignment horizontal="center"/>
    </xf>
    <xf numFmtId="0" fontId="17" fillId="0" borderId="0" xfId="278" applyNumberFormat="1" applyFont="1" applyBorder="1" applyAlignment="1" applyProtection="1">
      <alignment horizontal="center"/>
    </xf>
    <xf numFmtId="185" fontId="17" fillId="0" borderId="0" xfId="278" applyNumberFormat="1" applyFont="1" applyAlignment="1" applyProtection="1">
      <alignment horizontal="center"/>
    </xf>
    <xf numFmtId="0" fontId="70" fillId="0" borderId="0" xfId="278" applyFont="1" applyProtection="1"/>
    <xf numFmtId="185" fontId="71" fillId="0" borderId="0" xfId="278" applyNumberFormat="1" applyFont="1" applyProtection="1"/>
    <xf numFmtId="0" fontId="17" fillId="0" borderId="0" xfId="278" applyFont="1" applyProtection="1"/>
    <xf numFmtId="185" fontId="17" fillId="0" borderId="0" xfId="278" applyNumberFormat="1" applyFont="1" applyProtection="1"/>
    <xf numFmtId="0" fontId="72" fillId="0" borderId="0" xfId="278" applyFont="1" applyProtection="1"/>
    <xf numFmtId="173" fontId="70" fillId="0" borderId="0" xfId="278" applyNumberFormat="1" applyFont="1" applyBorder="1" applyProtection="1"/>
    <xf numFmtId="173" fontId="70" fillId="0" borderId="0" xfId="278" applyNumberFormat="1" applyFont="1" applyProtection="1"/>
    <xf numFmtId="173" fontId="70" fillId="0" borderId="0" xfId="278" applyNumberFormat="1" applyFont="1" applyFill="1" applyBorder="1" applyProtection="1"/>
    <xf numFmtId="0" fontId="70" fillId="0" borderId="0" xfId="278" applyFont="1" applyFill="1" applyBorder="1" applyProtection="1"/>
    <xf numFmtId="173" fontId="88" fillId="0" borderId="0" xfId="278" applyNumberFormat="1" applyFont="1" applyFill="1" applyBorder="1" applyProtection="1"/>
    <xf numFmtId="173" fontId="4" fillId="0" borderId="0" xfId="278" applyNumberFormat="1" applyFont="1" applyProtection="1"/>
    <xf numFmtId="173" fontId="75" fillId="0" borderId="0" xfId="278" applyNumberFormat="1" applyFont="1" applyProtection="1"/>
    <xf numFmtId="185" fontId="4" fillId="0" borderId="0" xfId="278" applyNumberFormat="1" applyFont="1" applyProtection="1"/>
    <xf numFmtId="173" fontId="75" fillId="0" borderId="0" xfId="86" applyNumberFormat="1" applyFont="1" applyProtection="1"/>
    <xf numFmtId="0" fontId="115" fillId="0" borderId="0" xfId="277" applyNumberFormat="1" applyFont="1" applyBorder="1" applyAlignment="1" applyProtection="1"/>
    <xf numFmtId="0" fontId="98" fillId="0" borderId="0" xfId="278" applyFont="1" applyFill="1" applyBorder="1" applyProtection="1"/>
    <xf numFmtId="0" fontId="98" fillId="0" borderId="0" xfId="278" applyFont="1" applyProtection="1"/>
    <xf numFmtId="173" fontId="116" fillId="0" borderId="0" xfId="278" applyNumberFormat="1" applyFont="1" applyProtection="1"/>
    <xf numFmtId="185" fontId="117" fillId="0" borderId="0" xfId="278" applyNumberFormat="1" applyFont="1" applyProtection="1"/>
    <xf numFmtId="173" fontId="116" fillId="0" borderId="0" xfId="86" applyNumberFormat="1" applyFont="1" applyProtection="1"/>
    <xf numFmtId="173" fontId="98" fillId="0" borderId="0" xfId="278" applyNumberFormat="1" applyFont="1" applyProtection="1"/>
    <xf numFmtId="0" fontId="70" fillId="0" borderId="0" xfId="278" applyFont="1" applyFill="1" applyProtection="1"/>
    <xf numFmtId="0" fontId="74" fillId="0" borderId="0" xfId="275" applyFont="1" applyFill="1" applyAlignment="1" applyProtection="1">
      <alignment horizontal="center"/>
    </xf>
    <xf numFmtId="0" fontId="74" fillId="0" borderId="0" xfId="275" applyFont="1" applyFill="1" applyAlignment="1" applyProtection="1">
      <alignment horizontal="left" indent="2"/>
    </xf>
    <xf numFmtId="39" fontId="74" fillId="0" borderId="0" xfId="275" applyNumberFormat="1" applyFont="1" applyFill="1" applyProtection="1"/>
    <xf numFmtId="173" fontId="70" fillId="0" borderId="0" xfId="27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75" applyFont="1" applyFill="1" applyAlignment="1" applyProtection="1">
      <alignment horizontal="center"/>
    </xf>
    <xf numFmtId="173" fontId="70" fillId="0" borderId="14" xfId="86" applyNumberFormat="1" applyFont="1" applyBorder="1" applyProtection="1"/>
    <xf numFmtId="0" fontId="73" fillId="0" borderId="0" xfId="278" applyFont="1" applyAlignment="1" applyProtection="1">
      <alignment horizontal="center" wrapText="1"/>
    </xf>
    <xf numFmtId="0" fontId="78" fillId="0" borderId="0" xfId="278" applyFont="1" applyAlignment="1" applyProtection="1">
      <alignment horizontal="center"/>
    </xf>
    <xf numFmtId="0" fontId="17" fillId="0" borderId="0" xfId="278" applyNumberFormat="1" applyFont="1" applyFill="1" applyAlignment="1" applyProtection="1">
      <alignment horizontal="center"/>
    </xf>
    <xf numFmtId="0" fontId="11" fillId="0" borderId="0" xfId="278" applyNumberFormat="1" applyFont="1" applyFill="1" applyProtection="1"/>
    <xf numFmtId="0" fontId="98" fillId="0" borderId="0" xfId="278" applyFont="1" applyFill="1" applyProtection="1"/>
    <xf numFmtId="41" fontId="98" fillId="0" borderId="0" xfId="278" applyNumberFormat="1" applyFont="1" applyFill="1" applyProtection="1"/>
    <xf numFmtId="41" fontId="98" fillId="0" borderId="0" xfId="278" applyNumberFormat="1" applyFont="1" applyFill="1" applyBorder="1" applyProtection="1"/>
    <xf numFmtId="41" fontId="70" fillId="0" borderId="0" xfId="278" applyNumberFormat="1" applyFont="1" applyFill="1" applyProtection="1"/>
    <xf numFmtId="10" fontId="70" fillId="0" borderId="0" xfId="289" applyNumberFormat="1" applyFont="1" applyFill="1" applyProtection="1"/>
    <xf numFmtId="41" fontId="70" fillId="0" borderId="0" xfId="278" applyNumberFormat="1" applyFont="1" applyFill="1" applyBorder="1" applyProtection="1"/>
    <xf numFmtId="164" fontId="70" fillId="0" borderId="0" xfId="289" applyNumberFormat="1" applyFont="1" applyFill="1" applyProtection="1"/>
    <xf numFmtId="187" fontId="11" fillId="0" borderId="0" xfId="289" applyNumberFormat="1" applyFont="1" applyFill="1" applyProtection="1"/>
    <xf numFmtId="41" fontId="83" fillId="28" borderId="0" xfId="278" applyNumberFormat="1" applyFont="1" applyFill="1" applyProtection="1"/>
    <xf numFmtId="41" fontId="83" fillId="28" borderId="0" xfId="278" applyNumberFormat="1" applyFont="1" applyFill="1" applyBorder="1" applyProtection="1"/>
    <xf numFmtId="10" fontId="70" fillId="0" borderId="11" xfId="289" applyNumberFormat="1" applyFont="1" applyFill="1" applyBorder="1" applyProtection="1"/>
    <xf numFmtId="173" fontId="70" fillId="0" borderId="0" xfId="86" applyNumberFormat="1" applyFont="1" applyFill="1" applyProtection="1"/>
    <xf numFmtId="10" fontId="70" fillId="0" borderId="0" xfId="289" applyNumberFormat="1" applyFont="1" applyFill="1" applyBorder="1" applyProtection="1"/>
    <xf numFmtId="173" fontId="70" fillId="0" borderId="0" xfId="86" applyNumberFormat="1" applyFont="1" applyFill="1" applyBorder="1" applyProtection="1"/>
    <xf numFmtId="0" fontId="11" fillId="0" borderId="0" xfId="278" applyNumberFormat="1" applyFont="1" applyAlignment="1" applyProtection="1">
      <alignment horizontal="center"/>
    </xf>
    <xf numFmtId="185" fontId="11" fillId="0" borderId="0" xfId="278" applyNumberFormat="1" applyFont="1" applyProtection="1"/>
    <xf numFmtId="173" fontId="11" fillId="0" borderId="0" xfId="278" applyNumberFormat="1" applyFont="1" applyProtection="1"/>
    <xf numFmtId="173" fontId="70" fillId="0" borderId="18" xfId="86" applyNumberFormat="1" applyFont="1" applyFill="1" applyBorder="1" applyProtection="1"/>
    <xf numFmtId="0" fontId="73" fillId="30" borderId="0" xfId="278" applyFont="1" applyFill="1" applyProtection="1">
      <protection locked="0"/>
    </xf>
    <xf numFmtId="0" fontId="98" fillId="30" borderId="0" xfId="278" applyFont="1" applyFill="1" applyProtection="1">
      <protection locked="0"/>
    </xf>
    <xf numFmtId="0" fontId="70" fillId="30" borderId="0" xfId="278" applyFont="1" applyFill="1" applyProtection="1">
      <protection locked="0"/>
    </xf>
    <xf numFmtId="10" fontId="77" fillId="30" borderId="11" xfId="289" applyNumberFormat="1" applyFont="1" applyFill="1" applyBorder="1" applyProtection="1">
      <protection locked="0"/>
    </xf>
    <xf numFmtId="173" fontId="77" fillId="30" borderId="0" xfId="27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77" applyNumberFormat="1" applyFont="1" applyBorder="1" applyAlignment="1" applyProtection="1"/>
    <xf numFmtId="3" fontId="11" fillId="0" borderId="0" xfId="277" applyNumberFormat="1" applyFont="1" applyAlignment="1" applyProtection="1"/>
    <xf numFmtId="10" fontId="1" fillId="0" borderId="0" xfId="289" applyNumberFormat="1" applyAlignment="1" applyProtection="1">
      <alignment horizontal="right"/>
    </xf>
    <xf numFmtId="172" fontId="11" fillId="0" borderId="0" xfId="277" applyFont="1" applyAlignment="1" applyProtection="1"/>
    <xf numFmtId="172" fontId="11" fillId="0" borderId="0" xfId="277" applyFont="1" applyBorder="1" applyAlignment="1" applyProtection="1"/>
    <xf numFmtId="3" fontId="11" fillId="0" borderId="0" xfId="277" applyNumberFormat="1" applyFont="1" applyFill="1" applyAlignment="1" applyProtection="1"/>
    <xf numFmtId="10" fontId="11" fillId="0" borderId="0" xfId="289" applyNumberFormat="1" applyFont="1" applyFill="1" applyAlignment="1" applyProtection="1">
      <alignment horizontal="right"/>
    </xf>
    <xf numFmtId="3" fontId="8" fillId="0" borderId="0" xfId="277" applyNumberFormat="1" applyFont="1" applyAlignment="1" applyProtection="1"/>
    <xf numFmtId="10" fontId="11" fillId="0" borderId="0" xfId="277" applyNumberFormat="1" applyFont="1" applyFill="1" applyAlignment="1" applyProtection="1">
      <alignment horizontal="right"/>
    </xf>
    <xf numFmtId="3" fontId="12" fillId="0" borderId="0" xfId="277" applyNumberFormat="1" applyFont="1" applyAlignment="1" applyProtection="1">
      <alignment horizontal="center"/>
    </xf>
    <xf numFmtId="10" fontId="12" fillId="0" borderId="0" xfId="277" applyNumberFormat="1" applyFont="1" applyFill="1" applyAlignment="1" applyProtection="1">
      <alignment horizontal="center"/>
    </xf>
    <xf numFmtId="0" fontId="11"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89" applyNumberFormat="1" applyFont="1" applyAlignment="1" applyProtection="1"/>
    <xf numFmtId="166" fontId="11" fillId="0" borderId="0" xfId="277" applyNumberFormat="1" applyFont="1" applyAlignment="1" applyProtection="1">
      <alignment horizontal="center"/>
    </xf>
    <xf numFmtId="166" fontId="11" fillId="0" borderId="0" xfId="277" applyNumberFormat="1" applyFont="1" applyBorder="1" applyAlignment="1" applyProtection="1">
      <alignment horizontal="center"/>
    </xf>
    <xf numFmtId="41" fontId="11" fillId="0" borderId="0" xfId="277" applyNumberFormat="1" applyFont="1" applyAlignment="1" applyProtection="1"/>
    <xf numFmtId="41" fontId="11" fillId="0" borderId="0" xfId="277" applyNumberFormat="1" applyFont="1" applyAlignment="1" applyProtection="1">
      <alignment horizontal="center"/>
    </xf>
    <xf numFmtId="41" fontId="11" fillId="0" borderId="0" xfId="277" applyNumberFormat="1" applyFont="1" applyBorder="1" applyAlignment="1" applyProtection="1">
      <alignment horizontal="center"/>
    </xf>
    <xf numFmtId="0" fontId="11" fillId="0" borderId="0" xfId="277" applyNumberFormat="1" applyFont="1" applyBorder="1" applyAlignment="1" applyProtection="1">
      <alignment horizontal="right"/>
    </xf>
    <xf numFmtId="164" fontId="12" fillId="0" borderId="0" xfId="289" applyNumberFormat="1" applyFont="1" applyAlignment="1" applyProtection="1"/>
    <xf numFmtId="3" fontId="11" fillId="0" borderId="0" xfId="277" applyNumberFormat="1" applyFont="1" applyAlignment="1" applyProtection="1">
      <alignment horizontal="right"/>
    </xf>
    <xf numFmtId="172" fontId="1" fillId="0" borderId="19" xfId="277" applyFont="1" applyBorder="1" applyAlignment="1" applyProtection="1"/>
    <xf numFmtId="0" fontId="1" fillId="0" borderId="0" xfId="277" applyNumberFormat="1" applyFont="1" applyBorder="1" applyAlignment="1" applyProtection="1">
      <alignment horizontal="center"/>
    </xf>
    <xf numFmtId="172" fontId="1" fillId="0" borderId="0" xfId="277" applyFont="1" applyBorder="1" applyAlignment="1" applyProtection="1"/>
    <xf numFmtId="3" fontId="1" fillId="0" borderId="20" xfId="277" applyNumberFormat="1" applyFont="1" applyBorder="1" applyAlignment="1" applyProtection="1"/>
    <xf numFmtId="10" fontId="11" fillId="0" borderId="0" xfId="277" applyNumberFormat="1" applyFont="1" applyFill="1" applyAlignment="1" applyProtection="1">
      <alignment horizontal="left"/>
    </xf>
    <xf numFmtId="41" fontId="11" fillId="0" borderId="0" xfId="27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77" applyNumberFormat="1" applyFont="1" applyFill="1" applyAlignment="1" applyProtection="1"/>
    <xf numFmtId="166" fontId="1" fillId="0" borderId="21" xfId="277" applyNumberFormat="1" applyFont="1" applyBorder="1" applyAlignment="1" applyProtection="1">
      <alignment horizontal="center"/>
    </xf>
    <xf numFmtId="0" fontId="1" fillId="0" borderId="6" xfId="277" applyNumberFormat="1" applyFont="1" applyBorder="1" applyAlignment="1" applyProtection="1">
      <alignment horizontal="center"/>
    </xf>
    <xf numFmtId="174" fontId="1" fillId="0" borderId="22" xfId="0" applyNumberFormat="1" applyFont="1" applyBorder="1" applyProtection="1"/>
    <xf numFmtId="41" fontId="1" fillId="0" borderId="0" xfId="277" applyNumberFormat="1" applyFont="1" applyBorder="1" applyAlignment="1" applyProtection="1"/>
    <xf numFmtId="173" fontId="1" fillId="0" borderId="0" xfId="277" applyNumberFormat="1" applyFont="1" applyBorder="1" applyAlignment="1" applyProtection="1">
      <alignment horizontal="center"/>
    </xf>
    <xf numFmtId="41" fontId="11" fillId="0" borderId="0" xfId="277" applyNumberFormat="1" applyFont="1" applyFill="1" applyAlignment="1" applyProtection="1">
      <alignment horizontal="left"/>
    </xf>
    <xf numFmtId="41" fontId="1" fillId="0" borderId="0" xfId="277" applyNumberFormat="1" applyFont="1" applyFill="1" applyBorder="1" applyAlignment="1" applyProtection="1">
      <alignment horizontal="right"/>
    </xf>
    <xf numFmtId="167" fontId="11" fillId="0" borderId="0" xfId="277" applyNumberFormat="1" applyFont="1" applyAlignment="1" applyProtection="1"/>
    <xf numFmtId="164" fontId="11" fillId="0" borderId="0" xfId="277" applyNumberFormat="1" applyFont="1" applyFill="1" applyBorder="1" applyAlignment="1" applyProtection="1">
      <alignment horizontal="left"/>
    </xf>
    <xf numFmtId="164" fontId="11" fillId="0" borderId="0" xfId="277" applyNumberFormat="1" applyFont="1" applyBorder="1" applyAlignment="1" applyProtection="1">
      <alignment horizontal="left"/>
    </xf>
    <xf numFmtId="3" fontId="11" fillId="0" borderId="0" xfId="277" applyNumberFormat="1" applyFont="1" applyAlignment="1" applyProtection="1">
      <alignment vertical="center" wrapText="1"/>
    </xf>
    <xf numFmtId="41" fontId="11" fillId="0" borderId="0" xfId="277" applyNumberFormat="1" applyFont="1" applyBorder="1" applyAlignment="1" applyProtection="1">
      <alignment vertical="center"/>
    </xf>
    <xf numFmtId="41" fontId="11" fillId="0" borderId="0" xfId="277" applyNumberFormat="1" applyFont="1" applyBorder="1" applyAlignment="1" applyProtection="1">
      <alignment horizontal="center" vertical="center"/>
    </xf>
    <xf numFmtId="41" fontId="11" fillId="0" borderId="0" xfId="27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77" applyNumberFormat="1" applyFont="1" applyFill="1" applyBorder="1" applyAlignment="1" applyProtection="1"/>
    <xf numFmtId="41" fontId="11" fillId="0" borderId="6" xfId="277" applyNumberFormat="1" applyFont="1" applyFill="1" applyBorder="1" applyAlignment="1" applyProtection="1"/>
    <xf numFmtId="0" fontId="11" fillId="0" borderId="0" xfId="277" applyNumberFormat="1" applyFont="1" applyFill="1" applyBorder="1" applyAlignment="1" applyProtection="1"/>
    <xf numFmtId="3" fontId="11" fillId="0" borderId="0" xfId="277" applyNumberFormat="1" applyFont="1" applyFill="1" applyBorder="1" applyAlignment="1" applyProtection="1"/>
    <xf numFmtId="0" fontId="11" fillId="32" borderId="0" xfId="277" applyNumberFormat="1" applyFont="1" applyFill="1" applyBorder="1" applyAlignment="1" applyProtection="1"/>
    <xf numFmtId="41" fontId="11" fillId="0" borderId="0" xfId="277" applyNumberFormat="1" applyFont="1" applyFill="1" applyBorder="1" applyAlignment="1" applyProtection="1">
      <alignment horizontal="center"/>
    </xf>
    <xf numFmtId="0" fontId="11" fillId="0" borderId="0" xfId="277" applyNumberFormat="1" applyFont="1" applyFill="1" applyBorder="1" applyProtection="1"/>
    <xf numFmtId="41" fontId="12" fillId="0" borderId="0" xfId="277" applyNumberFormat="1" applyFont="1" applyFill="1" applyBorder="1" applyAlignment="1" applyProtection="1"/>
    <xf numFmtId="3" fontId="11" fillId="0" borderId="0" xfId="277" applyNumberFormat="1" applyFont="1" applyFill="1" applyBorder="1" applyAlignment="1" applyProtection="1">
      <alignment horizontal="center"/>
    </xf>
    <xf numFmtId="0" fontId="11" fillId="0" borderId="0" xfId="277" applyNumberFormat="1" applyFont="1" applyFill="1" applyBorder="1" applyAlignment="1" applyProtection="1">
      <alignment horizontal="center"/>
    </xf>
    <xf numFmtId="10" fontId="11" fillId="0" borderId="0" xfId="277" applyNumberFormat="1" applyFont="1" applyFill="1" applyBorder="1" applyAlignment="1" applyProtection="1"/>
    <xf numFmtId="169" fontId="11" fillId="0" borderId="0" xfId="277" applyNumberFormat="1" applyFont="1" applyFill="1" applyBorder="1" applyAlignment="1" applyProtection="1"/>
    <xf numFmtId="172" fontId="11" fillId="0" borderId="0" xfId="277" applyFont="1" applyFill="1" applyBorder="1" applyAlignment="1" applyProtection="1"/>
    <xf numFmtId="169" fontId="8" fillId="0" borderId="0" xfId="27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7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1" fillId="0" borderId="23" xfId="277" applyFont="1" applyBorder="1" applyAlignment="1" applyProtection="1"/>
    <xf numFmtId="172" fontId="11" fillId="0" borderId="17" xfId="277" applyFont="1" applyBorder="1" applyAlignment="1" applyProtection="1"/>
    <xf numFmtId="3" fontId="11" fillId="0" borderId="24" xfId="277" applyNumberFormat="1" applyFont="1" applyBorder="1" applyAlignment="1" applyProtection="1"/>
    <xf numFmtId="172" fontId="11" fillId="0" borderId="19" xfId="277" applyFont="1" applyBorder="1" applyAlignment="1" applyProtection="1"/>
    <xf numFmtId="3" fontId="11" fillId="0" borderId="20" xfId="277" applyNumberFormat="1" applyFont="1" applyBorder="1" applyAlignment="1" applyProtection="1"/>
    <xf numFmtId="0" fontId="11" fillId="0" borderId="0" xfId="27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77" applyNumberFormat="1" applyFont="1" applyBorder="1" applyAlignment="1" applyProtection="1">
      <alignment horizontal="center"/>
    </xf>
    <xf numFmtId="0" fontId="11" fillId="0" borderId="6" xfId="277" applyNumberFormat="1" applyFont="1" applyBorder="1" applyAlignment="1" applyProtection="1">
      <alignment horizontal="center"/>
    </xf>
    <xf numFmtId="173" fontId="11" fillId="0" borderId="6" xfId="277" quotePrefix="1" applyNumberFormat="1" applyFont="1" applyBorder="1" applyAlignment="1" applyProtection="1">
      <alignment horizontal="center"/>
    </xf>
    <xf numFmtId="41" fontId="11" fillId="0" borderId="0" xfId="277" applyNumberFormat="1" applyFont="1" applyFill="1" applyBorder="1" applyAlignment="1" applyProtection="1">
      <alignment horizontal="right"/>
    </xf>
    <xf numFmtId="41" fontId="11" fillId="0" borderId="11" xfId="277" applyNumberFormat="1" applyFont="1" applyFill="1" applyBorder="1" applyAlignment="1" applyProtection="1"/>
    <xf numFmtId="10" fontId="11" fillId="0" borderId="0" xfId="28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70" applyFont="1" applyFill="1" applyProtection="1"/>
    <xf numFmtId="0" fontId="8" fillId="0" borderId="0" xfId="270" applyFont="1" applyFill="1" applyProtection="1"/>
    <xf numFmtId="3" fontId="8" fillId="0" borderId="0" xfId="277" applyNumberFormat="1" applyFont="1" applyFill="1" applyAlignment="1" applyProtection="1"/>
    <xf numFmtId="0" fontId="1" fillId="0" borderId="0" xfId="270" applyFont="1" applyFill="1" applyProtection="1"/>
    <xf numFmtId="0" fontId="1" fillId="0" borderId="0" xfId="270" applyFont="1" applyFill="1" applyAlignment="1" applyProtection="1">
      <alignment horizontal="left"/>
    </xf>
    <xf numFmtId="0" fontId="11" fillId="0" borderId="0" xfId="270" applyFont="1" applyFill="1" applyAlignment="1" applyProtection="1">
      <alignment horizontal="left"/>
    </xf>
    <xf numFmtId="0" fontId="8" fillId="0" borderId="0" xfId="270" applyFont="1" applyFill="1" applyAlignment="1" applyProtection="1">
      <alignment horizontal="left"/>
    </xf>
    <xf numFmtId="173" fontId="7" fillId="30" borderId="0" xfId="86" applyNumberFormat="1" applyFont="1" applyFill="1" applyBorder="1" applyProtection="1">
      <protection locked="0"/>
    </xf>
    <xf numFmtId="10" fontId="7" fillId="30" borderId="0" xfId="28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80" applyFont="1" applyAlignment="1" applyProtection="1"/>
    <xf numFmtId="0" fontId="2" fillId="0" borderId="0" xfId="280" applyProtection="1"/>
    <xf numFmtId="0" fontId="102" fillId="0" borderId="0" xfId="280" applyFont="1" applyProtection="1"/>
    <xf numFmtId="0" fontId="103" fillId="0" borderId="0" xfId="280" applyFont="1" applyAlignment="1" applyProtection="1">
      <alignment horizontal="center"/>
    </xf>
    <xf numFmtId="0" fontId="112" fillId="0" borderId="0" xfId="280" applyFont="1" applyAlignment="1" applyProtection="1">
      <alignment horizontal="center"/>
    </xf>
    <xf numFmtId="0" fontId="2" fillId="0" borderId="0" xfId="280" applyFont="1" applyAlignment="1" applyProtection="1">
      <alignment horizontal="center"/>
    </xf>
    <xf numFmtId="0" fontId="104" fillId="0" borderId="15" xfId="280" applyFont="1" applyBorder="1" applyProtection="1"/>
    <xf numFmtId="0" fontId="102" fillId="0" borderId="15" xfId="280" applyFont="1" applyBorder="1" applyProtection="1"/>
    <xf numFmtId="0" fontId="104" fillId="0" borderId="0" xfId="280" applyFont="1" applyBorder="1" applyProtection="1"/>
    <xf numFmtId="0" fontId="102" fillId="0" borderId="0" xfId="280" applyFont="1" applyBorder="1" applyProtection="1"/>
    <xf numFmtId="0" fontId="2" fillId="0" borderId="0" xfId="280" applyFont="1" applyFill="1" applyBorder="1" applyAlignment="1" applyProtection="1">
      <alignment horizontal="left"/>
    </xf>
    <xf numFmtId="0" fontId="2" fillId="0" borderId="0" xfId="280" applyFill="1" applyProtection="1"/>
    <xf numFmtId="0" fontId="2" fillId="0" borderId="0" xfId="280" applyFont="1" applyFill="1" applyBorder="1" applyProtection="1"/>
    <xf numFmtId="192" fontId="2" fillId="0" borderId="0" xfId="280" applyNumberFormat="1" applyFill="1" applyProtection="1"/>
    <xf numFmtId="0" fontId="2" fillId="0" borderId="0" xfId="280" applyFont="1" applyFill="1" applyBorder="1" applyAlignment="1" applyProtection="1">
      <alignment wrapText="1"/>
    </xf>
    <xf numFmtId="0" fontId="0" fillId="0" borderId="0" xfId="0" applyFill="1" applyBorder="1" applyAlignment="1" applyProtection="1">
      <alignment wrapText="1"/>
    </xf>
    <xf numFmtId="0" fontId="81" fillId="0" borderId="32" xfId="280" applyFont="1" applyFill="1" applyBorder="1" applyAlignment="1" applyProtection="1">
      <alignment horizontal="center"/>
    </xf>
    <xf numFmtId="0" fontId="2" fillId="0" borderId="33" xfId="280" applyFont="1" applyFill="1" applyBorder="1" applyProtection="1"/>
    <xf numFmtId="3" fontId="2" fillId="0" borderId="0" xfId="280" applyNumberFormat="1" applyFont="1" applyFill="1" applyBorder="1" applyProtection="1"/>
    <xf numFmtId="3" fontId="2" fillId="0" borderId="34" xfId="280" applyNumberFormat="1" applyFill="1" applyBorder="1" applyProtection="1"/>
    <xf numFmtId="0" fontId="4" fillId="0" borderId="33" xfId="280" applyFont="1" applyFill="1" applyBorder="1" applyProtection="1"/>
    <xf numFmtId="10" fontId="76" fillId="0" borderId="35" xfId="289" applyNumberFormat="1" applyFont="1" applyFill="1" applyBorder="1" applyAlignment="1" applyProtection="1">
      <alignment horizontal="center"/>
    </xf>
    <xf numFmtId="0" fontId="2" fillId="0" borderId="0" xfId="280" applyBorder="1" applyProtection="1"/>
    <xf numFmtId="0" fontId="2" fillId="0" borderId="0" xfId="280" applyFont="1" applyBorder="1" applyProtection="1"/>
    <xf numFmtId="0" fontId="11" fillId="0" borderId="0" xfId="284" applyFont="1" applyProtection="1"/>
    <xf numFmtId="0" fontId="8" fillId="0" borderId="0" xfId="28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70" applyFont="1" applyFill="1" applyAlignment="1" applyProtection="1">
      <alignment horizontal="left" vertical="top" wrapText="1"/>
    </xf>
    <xf numFmtId="0" fontId="109" fillId="0" borderId="0" xfId="284" applyProtection="1"/>
    <xf numFmtId="0" fontId="8" fillId="0" borderId="0" xfId="284" applyFont="1" applyFill="1" applyProtection="1"/>
    <xf numFmtId="173" fontId="11" fillId="0" borderId="0" xfId="284" applyNumberFormat="1" applyFont="1" applyProtection="1"/>
    <xf numFmtId="0" fontId="11" fillId="0" borderId="0" xfId="284" applyFont="1" applyAlignment="1" applyProtection="1">
      <alignment vertical="top" wrapText="1"/>
    </xf>
    <xf numFmtId="10" fontId="11" fillId="0" borderId="0" xfId="284" applyNumberFormat="1" applyFont="1" applyProtection="1"/>
    <xf numFmtId="44" fontId="11" fillId="0" borderId="0" xfId="284" applyNumberFormat="1" applyFont="1" applyProtection="1"/>
    <xf numFmtId="0" fontId="113" fillId="0" borderId="0" xfId="284" applyFont="1" applyFill="1" applyProtection="1"/>
    <xf numFmtId="173" fontId="11" fillId="0" borderId="11" xfId="284" applyNumberFormat="1" applyFont="1" applyBorder="1" applyProtection="1"/>
    <xf numFmtId="10" fontId="11" fillId="0" borderId="0" xfId="289" applyNumberFormat="1" applyFont="1" applyProtection="1"/>
    <xf numFmtId="0" fontId="11" fillId="0" borderId="0" xfId="284" applyFont="1" applyFill="1" applyProtection="1"/>
    <xf numFmtId="10" fontId="11" fillId="0" borderId="0" xfId="289" applyNumberFormat="1" applyFont="1" applyFill="1" applyProtection="1"/>
    <xf numFmtId="10" fontId="11" fillId="32" borderId="0" xfId="289" applyNumberFormat="1" applyFont="1" applyFill="1" applyProtection="1"/>
    <xf numFmtId="10" fontId="11" fillId="0" borderId="11" xfId="289" applyNumberFormat="1" applyFont="1" applyBorder="1" applyProtection="1"/>
    <xf numFmtId="0" fontId="8" fillId="0" borderId="0" xfId="284" applyFont="1" applyProtection="1"/>
    <xf numFmtId="10" fontId="8" fillId="0" borderId="0" xfId="289" applyNumberFormat="1" applyFont="1" applyProtection="1"/>
    <xf numFmtId="173" fontId="11" fillId="0" borderId="11" xfId="86" applyNumberFormat="1" applyFont="1" applyFill="1" applyBorder="1" applyProtection="1"/>
    <xf numFmtId="0" fontId="114" fillId="0" borderId="0" xfId="284" applyFont="1" applyFill="1" applyProtection="1"/>
    <xf numFmtId="0" fontId="11" fillId="0" borderId="0" xfId="270" applyFont="1" applyFill="1" applyBorder="1" applyAlignment="1" applyProtection="1">
      <alignment horizontal="left"/>
    </xf>
    <xf numFmtId="0" fontId="93" fillId="0" borderId="0" xfId="284" applyFont="1" applyFill="1" applyProtection="1"/>
    <xf numFmtId="173" fontId="11" fillId="0" borderId="0" xfId="284" applyNumberFormat="1" applyFont="1" applyFill="1" applyProtection="1"/>
    <xf numFmtId="0" fontId="11" fillId="0" borderId="0" xfId="284" applyFont="1" applyFill="1" applyAlignment="1" applyProtection="1">
      <alignment vertical="top" wrapText="1"/>
    </xf>
    <xf numFmtId="43" fontId="11" fillId="0" borderId="0" xfId="284" applyNumberFormat="1" applyFont="1" applyProtection="1"/>
    <xf numFmtId="10" fontId="11" fillId="0" borderId="11" xfId="289" applyNumberFormat="1" applyFont="1" applyFill="1" applyBorder="1" applyProtection="1"/>
    <xf numFmtId="10" fontId="93" fillId="0" borderId="0" xfId="289" applyNumberFormat="1" applyFont="1" applyFill="1" applyProtection="1"/>
    <xf numFmtId="10" fontId="11" fillId="30" borderId="0" xfId="289" applyNumberFormat="1" applyFont="1" applyFill="1" applyAlignment="1" applyProtection="1">
      <alignment horizontal="right" wrapText="1"/>
      <protection locked="0"/>
    </xf>
    <xf numFmtId="164" fontId="7" fillId="30" borderId="0" xfId="28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9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22" applyNumberFormat="1" applyFont="1" applyFill="1" applyProtection="1"/>
    <xf numFmtId="176" fontId="121" fillId="30" borderId="0" xfId="290" applyNumberFormat="1" applyFont="1" applyFill="1" applyProtection="1">
      <protection locked="0"/>
    </xf>
    <xf numFmtId="0" fontId="11" fillId="32" borderId="0" xfId="0" applyFont="1" applyFill="1" applyProtection="1"/>
    <xf numFmtId="173" fontId="1" fillId="30" borderId="6" xfId="277"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77" applyNumberFormat="1" applyFont="1" applyFill="1" applyBorder="1" applyAlignment="1" applyProtection="1"/>
    <xf numFmtId="41" fontId="11" fillId="32" borderId="0" xfId="277" applyNumberFormat="1" applyFont="1" applyFill="1" applyBorder="1" applyAlignment="1" applyProtection="1"/>
    <xf numFmtId="41" fontId="11" fillId="32" borderId="0" xfId="27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70" applyFont="1" applyFill="1" applyAlignment="1" applyProtection="1">
      <alignment horizontal="left"/>
      <protection locked="0"/>
    </xf>
    <xf numFmtId="0" fontId="14" fillId="30" borderId="0" xfId="270" applyFont="1" applyFill="1" applyProtection="1">
      <protection locked="0"/>
    </xf>
    <xf numFmtId="0" fontId="9" fillId="30" borderId="0" xfId="27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70" applyNumberFormat="1" applyFont="1" applyFill="1" applyProtection="1">
      <protection locked="0"/>
    </xf>
    <xf numFmtId="0" fontId="62" fillId="0" borderId="0" xfId="270" applyFont="1" applyAlignment="1">
      <alignment horizontal="center"/>
    </xf>
    <xf numFmtId="0" fontId="62" fillId="0" borderId="0" xfId="270" applyFont="1"/>
    <xf numFmtId="41" fontId="62" fillId="0" borderId="0" xfId="270" applyNumberFormat="1" applyFont="1"/>
    <xf numFmtId="41" fontId="124" fillId="30" borderId="11" xfId="270" applyNumberFormat="1" applyFont="1" applyFill="1" applyBorder="1" applyProtection="1">
      <protection locked="0"/>
    </xf>
    <xf numFmtId="0" fontId="62" fillId="0" borderId="0" xfId="27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70" applyNumberFormat="1" applyFont="1" applyFill="1"/>
    <xf numFmtId="38" fontId="62" fillId="0" borderId="0" xfId="0" applyNumberFormat="1" applyFont="1" applyFill="1" applyBorder="1" applyAlignment="1"/>
    <xf numFmtId="0" fontId="62" fillId="0" borderId="0" xfId="220" applyFont="1" applyFill="1" applyBorder="1" applyAlignment="1">
      <alignment horizontal="center"/>
    </xf>
    <xf numFmtId="0" fontId="62" fillId="0" borderId="0" xfId="220" applyFont="1" applyFill="1" applyBorder="1"/>
    <xf numFmtId="0" fontId="62" fillId="0" borderId="0" xfId="270" applyFont="1" applyAlignment="1">
      <alignment horizontal="left"/>
    </xf>
    <xf numFmtId="3" fontId="62" fillId="0" borderId="0" xfId="220" applyNumberFormat="1" applyFont="1" applyFill="1" applyBorder="1" applyAlignment="1"/>
    <xf numFmtId="38" fontId="62" fillId="0" borderId="0" xfId="0" applyNumberFormat="1" applyFont="1" applyFill="1" applyBorder="1" applyAlignment="1">
      <alignment horizontal="center"/>
    </xf>
    <xf numFmtId="0" fontId="126" fillId="0" borderId="0" xfId="270" applyFont="1" applyAlignment="1">
      <alignment horizontal="center"/>
    </xf>
    <xf numFmtId="0" fontId="39" fillId="0" borderId="0" xfId="270" applyFont="1" applyFill="1" applyAlignment="1">
      <alignment horizontal="center"/>
    </xf>
    <xf numFmtId="9" fontId="39" fillId="0" borderId="0" xfId="270" applyNumberFormat="1" applyFont="1" applyFill="1" applyAlignment="1">
      <alignment horizontal="center"/>
    </xf>
    <xf numFmtId="0" fontId="39" fillId="0" borderId="0" xfId="270" applyFont="1" applyFill="1" applyBorder="1"/>
    <xf numFmtId="0" fontId="39" fillId="0" borderId="0" xfId="270" applyFont="1" applyAlignment="1">
      <alignment horizontal="center" wrapText="1"/>
    </xf>
    <xf numFmtId="0" fontId="126" fillId="0" borderId="0" xfId="270" applyFont="1" applyAlignment="1">
      <alignment horizontal="right"/>
    </xf>
    <xf numFmtId="0" fontId="62" fillId="0" borderId="0" xfId="0" applyFont="1" applyAlignment="1">
      <alignment horizontal="center" wrapText="1"/>
    </xf>
    <xf numFmtId="0" fontId="39" fillId="0" borderId="11" xfId="270"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8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83" applyNumberFormat="1" applyFont="1" applyFill="1" applyProtection="1"/>
    <xf numFmtId="0" fontId="129" fillId="0" borderId="0" xfId="0" applyFont="1" applyAlignment="1">
      <alignment vertical="center"/>
    </xf>
    <xf numFmtId="0" fontId="70" fillId="0" borderId="11" xfId="278" applyFont="1" applyBorder="1" applyAlignment="1">
      <alignment horizontal="center"/>
    </xf>
    <xf numFmtId="173" fontId="77" fillId="30" borderId="11" xfId="278" applyNumberFormat="1" applyFont="1" applyFill="1" applyBorder="1" applyProtection="1">
      <protection locked="0"/>
    </xf>
    <xf numFmtId="173" fontId="77" fillId="0" borderId="11" xfId="278" applyNumberFormat="1" applyFont="1" applyFill="1" applyBorder="1"/>
    <xf numFmtId="0" fontId="70" fillId="0" borderId="11" xfId="278" applyFont="1" applyBorder="1"/>
    <xf numFmtId="0" fontId="11" fillId="0" borderId="11" xfId="278" applyFont="1" applyBorder="1"/>
    <xf numFmtId="0" fontId="17" fillId="0" borderId="11" xfId="278" applyFont="1" applyFill="1" applyBorder="1"/>
    <xf numFmtId="173" fontId="88" fillId="0" borderId="11" xfId="278" applyNumberFormat="1" applyFont="1" applyFill="1" applyBorder="1"/>
    <xf numFmtId="173" fontId="70" fillId="0" borderId="0" xfId="278" applyNumberFormat="1" applyFont="1" applyFill="1" applyBorder="1" applyProtection="1">
      <protection locked="0"/>
    </xf>
    <xf numFmtId="9" fontId="77" fillId="30" borderId="0" xfId="289" applyFont="1" applyFill="1" applyBorder="1" applyProtection="1">
      <protection locked="0"/>
    </xf>
    <xf numFmtId="173" fontId="77" fillId="30" borderId="0" xfId="278" applyNumberFormat="1" applyFont="1" applyFill="1" applyBorder="1" applyAlignment="1" applyProtection="1">
      <alignment horizontal="center"/>
      <protection locked="0"/>
    </xf>
    <xf numFmtId="0" fontId="11" fillId="0" borderId="0" xfId="174"/>
    <xf numFmtId="0" fontId="11" fillId="0" borderId="0" xfId="174" applyAlignment="1">
      <alignment horizontal="center"/>
    </xf>
    <xf numFmtId="0" fontId="11" fillId="0" borderId="0" xfId="174" applyFont="1" applyFill="1" applyAlignment="1">
      <alignment horizontal="center"/>
    </xf>
    <xf numFmtId="0" fontId="11" fillId="0" borderId="0" xfId="174" applyFont="1" applyAlignment="1">
      <alignment horizontal="center"/>
    </xf>
    <xf numFmtId="0" fontId="11" fillId="0" borderId="0" xfId="174" applyFont="1" applyAlignment="1"/>
    <xf numFmtId="0" fontId="11" fillId="0" borderId="0" xfId="174" applyFill="1" applyAlignment="1"/>
    <xf numFmtId="0" fontId="11" fillId="0" borderId="0" xfId="174" applyProtection="1"/>
    <xf numFmtId="41" fontId="7" fillId="30" borderId="0" xfId="271" applyNumberFormat="1" applyFont="1" applyFill="1" applyProtection="1">
      <protection locked="0"/>
    </xf>
    <xf numFmtId="0" fontId="11" fillId="0" borderId="0" xfId="174" applyFont="1" applyFill="1" applyAlignment="1"/>
    <xf numFmtId="0" fontId="11" fillId="0" borderId="0" xfId="174" applyFill="1" applyAlignment="1">
      <alignment horizontal="center"/>
    </xf>
    <xf numFmtId="0" fontId="8" fillId="0" borderId="0" xfId="174" applyFont="1" applyFill="1" applyAlignment="1">
      <alignment horizontal="left"/>
    </xf>
    <xf numFmtId="3" fontId="11" fillId="0" borderId="0" xfId="174" applyNumberFormat="1" applyFont="1" applyFill="1" applyAlignment="1"/>
    <xf numFmtId="3" fontId="11" fillId="0" borderId="0" xfId="174" applyNumberFormat="1" applyFill="1" applyAlignment="1"/>
    <xf numFmtId="0" fontId="12" fillId="0" borderId="0" xfId="174" applyFont="1" applyFill="1" applyAlignment="1">
      <alignment horizontal="center"/>
    </xf>
    <xf numFmtId="3" fontId="11" fillId="0" borderId="0" xfId="174" applyNumberFormat="1" applyFont="1" applyFill="1" applyAlignment="1">
      <alignment horizontal="centerContinuous"/>
    </xf>
    <xf numFmtId="3" fontId="12" fillId="0" borderId="0" xfId="174" applyNumberFormat="1" applyFont="1" applyFill="1" applyAlignment="1">
      <alignment horizontal="centerContinuous"/>
    </xf>
    <xf numFmtId="3" fontId="11" fillId="0" borderId="0" xfId="174" applyNumberFormat="1" applyFill="1" applyAlignment="1">
      <alignment horizontal="centerContinuous"/>
    </xf>
    <xf numFmtId="3" fontId="11" fillId="0" borderId="36" xfId="174" applyNumberFormat="1" applyFont="1" applyFill="1" applyBorder="1" applyAlignment="1"/>
    <xf numFmtId="3" fontId="11" fillId="0" borderId="0" xfId="174" applyNumberFormat="1" applyFont="1" applyFill="1" applyAlignment="1">
      <alignment horizontal="left"/>
    </xf>
    <xf numFmtId="37" fontId="11" fillId="0" borderId="0" xfId="174" applyNumberFormat="1" applyFont="1" applyFill="1" applyAlignment="1"/>
    <xf numFmtId="37" fontId="11" fillId="0" borderId="0" xfId="174" applyNumberFormat="1" applyFont="1" applyFill="1" applyAlignment="1">
      <alignment horizontal="center"/>
    </xf>
    <xf numFmtId="37" fontId="11" fillId="0" borderId="36" xfId="174" applyNumberFormat="1" applyFont="1" applyFill="1" applyBorder="1" applyAlignment="1"/>
    <xf numFmtId="37" fontId="11" fillId="0" borderId="37" xfId="174" applyNumberFormat="1" applyFont="1" applyFill="1" applyBorder="1" applyAlignment="1"/>
    <xf numFmtId="37" fontId="11" fillId="33" borderId="0" xfId="174" applyNumberFormat="1" applyFont="1" applyFill="1" applyAlignment="1"/>
    <xf numFmtId="37" fontId="11" fillId="0" borderId="0" xfId="174" applyNumberFormat="1" applyFill="1" applyAlignment="1"/>
    <xf numFmtId="37" fontId="11" fillId="0" borderId="38" xfId="174" applyNumberFormat="1" applyFont="1" applyFill="1" applyBorder="1" applyAlignment="1"/>
    <xf numFmtId="37" fontId="11" fillId="0" borderId="0" xfId="174" applyNumberFormat="1" applyFont="1" applyFill="1"/>
    <xf numFmtId="3" fontId="11" fillId="0" borderId="0" xfId="174" applyNumberFormat="1" applyFont="1" applyFill="1" applyAlignment="1" applyProtection="1">
      <alignment horizontal="center"/>
      <protection locked="0"/>
    </xf>
    <xf numFmtId="3" fontId="11" fillId="0" borderId="0" xfId="174" applyNumberFormat="1" applyFont="1" applyFill="1" applyAlignment="1">
      <alignment horizontal="center"/>
    </xf>
    <xf numFmtId="3" fontId="11" fillId="0" borderId="0" xfId="174" applyNumberFormat="1" applyFont="1" applyAlignment="1" applyProtection="1">
      <protection locked="0"/>
    </xf>
    <xf numFmtId="3" fontId="11" fillId="0" borderId="0" xfId="174" applyNumberFormat="1" applyFont="1" applyAlignment="1"/>
    <xf numFmtId="0" fontId="12" fillId="0" borderId="0" xfId="174" applyFont="1" applyAlignment="1">
      <alignment horizontal="center"/>
    </xf>
    <xf numFmtId="3" fontId="11" fillId="0" borderId="0" xfId="174" applyNumberFormat="1" applyFont="1" applyAlignment="1">
      <alignment horizontal="centerContinuous"/>
    </xf>
    <xf numFmtId="3" fontId="12" fillId="0" borderId="0" xfId="174" applyNumberFormat="1" applyFont="1" applyAlignment="1">
      <alignment horizontal="centerContinuous"/>
    </xf>
    <xf numFmtId="3" fontId="11" fillId="0" borderId="0" xfId="174" applyNumberFormat="1" applyAlignment="1">
      <alignment horizontal="centerContinuous"/>
    </xf>
    <xf numFmtId="3" fontId="11" fillId="0" borderId="36" xfId="174" applyNumberFormat="1" applyFont="1" applyBorder="1" applyAlignment="1"/>
    <xf numFmtId="0" fontId="11" fillId="0" borderId="0" xfId="174" applyFont="1" applyFill="1" applyAlignment="1">
      <alignment horizontal="left"/>
    </xf>
    <xf numFmtId="37" fontId="11" fillId="0" borderId="14" xfId="174" applyNumberFormat="1" applyFont="1" applyFill="1" applyBorder="1" applyAlignment="1"/>
    <xf numFmtId="37" fontId="11" fillId="0" borderId="0" xfId="174" applyNumberFormat="1"/>
    <xf numFmtId="37" fontId="154" fillId="0" borderId="37" xfId="174" applyNumberFormat="1" applyFont="1" applyFill="1" applyBorder="1" applyAlignment="1"/>
    <xf numFmtId="37" fontId="154" fillId="0" borderId="0" xfId="174" applyNumberFormat="1" applyFont="1" applyFill="1" applyAlignment="1"/>
    <xf numFmtId="4" fontId="11" fillId="0" borderId="0" xfId="174" applyNumberFormat="1" applyFont="1" applyFill="1" applyAlignment="1">
      <alignment horizontal="center"/>
    </xf>
    <xf numFmtId="195" fontId="7" fillId="30" borderId="0" xfId="271" applyNumberFormat="1" applyFont="1" applyFill="1" applyProtection="1">
      <protection locked="0"/>
    </xf>
    <xf numFmtId="0" fontId="151" fillId="0" borderId="0" xfId="174" applyFont="1" applyFill="1" applyAlignment="1">
      <alignment horizontal="left"/>
    </xf>
    <xf numFmtId="3" fontId="11" fillId="34" borderId="0" xfId="174" applyNumberFormat="1" applyFont="1" applyFill="1" applyAlignment="1"/>
    <xf numFmtId="0" fontId="11" fillId="34" borderId="0" xfId="174" applyFill="1"/>
    <xf numFmtId="3" fontId="11" fillId="34" borderId="0" xfId="174" applyNumberFormat="1" applyFont="1" applyFill="1" applyAlignment="1" applyProtection="1">
      <alignment horizontal="center"/>
      <protection locked="0"/>
    </xf>
    <xf numFmtId="0" fontId="11" fillId="34" borderId="0" xfId="174" applyFont="1" applyFill="1" applyAlignment="1">
      <alignment horizontal="center"/>
    </xf>
    <xf numFmtId="0" fontId="12" fillId="34" borderId="0" xfId="174" applyFont="1" applyFill="1" applyAlignment="1">
      <alignment horizontal="center"/>
    </xf>
    <xf numFmtId="41" fontId="7" fillId="30" borderId="0" xfId="272" applyNumberFormat="1" applyFont="1" applyFill="1"/>
    <xf numFmtId="3" fontId="8" fillId="0" borderId="0" xfId="174" applyNumberFormat="1" applyFont="1" applyFill="1" applyAlignment="1">
      <alignment horizontal="left"/>
    </xf>
    <xf numFmtId="195" fontId="7" fillId="30" borderId="0" xfId="272" applyNumberFormat="1" applyFont="1" applyFill="1" applyProtection="1">
      <protection locked="0"/>
    </xf>
    <xf numFmtId="173" fontId="77" fillId="30" borderId="0" xfId="278" applyNumberFormat="1" applyFont="1" applyFill="1" applyBorder="1" applyProtection="1">
      <protection locked="0"/>
    </xf>
    <xf numFmtId="173" fontId="11" fillId="0" borderId="0" xfId="278" applyNumberFormat="1" applyFont="1"/>
    <xf numFmtId="173" fontId="77" fillId="30" borderId="0" xfId="278" applyNumberFormat="1" applyFont="1" applyFill="1" applyBorder="1" applyProtection="1">
      <protection locked="0"/>
    </xf>
    <xf numFmtId="0" fontId="17" fillId="0" borderId="11" xfId="278" applyNumberFormat="1" applyFont="1" applyBorder="1" applyAlignment="1">
      <alignment horizontal="center"/>
    </xf>
    <xf numFmtId="0" fontId="17" fillId="0" borderId="11" xfId="278" applyNumberFormat="1" applyFont="1" applyBorder="1"/>
    <xf numFmtId="0" fontId="17" fillId="0" borderId="11" xfId="278" applyFont="1" applyBorder="1"/>
    <xf numFmtId="173" fontId="70" fillId="0" borderId="11" xfId="27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81" applyFont="1" applyAlignment="1">
      <alignment horizontal="centerContinuous"/>
    </xf>
    <xf numFmtId="0" fontId="11" fillId="0" borderId="0" xfId="281" applyFont="1" applyFill="1" applyAlignment="1">
      <alignment horizontal="left"/>
    </xf>
    <xf numFmtId="0" fontId="8" fillId="0" borderId="0" xfId="281" applyFont="1" applyAlignment="1">
      <alignment horizontal="center"/>
    </xf>
    <xf numFmtId="0" fontId="8" fillId="0" borderId="0" xfId="281" applyFont="1" applyBorder="1" applyAlignment="1">
      <alignment wrapText="1"/>
    </xf>
    <xf numFmtId="0" fontId="11" fillId="0" borderId="39" xfId="0" applyNumberFormat="1" applyFont="1" applyBorder="1" applyAlignment="1">
      <alignment horizontal="center" wrapText="1"/>
    </xf>
    <xf numFmtId="0" fontId="8" fillId="0" borderId="32" xfId="281" applyFont="1" applyBorder="1" applyAlignment="1">
      <alignment horizontal="center" wrapText="1"/>
    </xf>
    <xf numFmtId="0" fontId="8" fillId="0" borderId="0" xfId="28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3" xfId="0" applyNumberFormat="1" applyFont="1" applyBorder="1" applyAlignment="1">
      <alignment horizontal="center"/>
    </xf>
    <xf numFmtId="0" fontId="8" fillId="0" borderId="34" xfId="281" applyFont="1" applyBorder="1" applyAlignment="1">
      <alignment horizontal="center"/>
    </xf>
    <xf numFmtId="0" fontId="8" fillId="0" borderId="0" xfId="281" applyFont="1" applyBorder="1" applyAlignment="1">
      <alignment horizontal="center"/>
    </xf>
    <xf numFmtId="0" fontId="8" fillId="0" borderId="34" xfId="269" applyFont="1" applyFill="1" applyBorder="1" applyAlignment="1">
      <alignment horizontal="center" wrapText="1"/>
    </xf>
    <xf numFmtId="0" fontId="131" fillId="0" borderId="0" xfId="0" applyFont="1" applyAlignment="1"/>
    <xf numFmtId="3" fontId="23" fillId="0" borderId="11" xfId="220" applyNumberFormat="1" applyFont="1" applyFill="1" applyBorder="1" applyAlignment="1">
      <alignment horizontal="center" wrapText="1"/>
    </xf>
    <xf numFmtId="3" fontId="23" fillId="0" borderId="35" xfId="220" applyNumberFormat="1" applyFont="1" applyFill="1" applyBorder="1" applyAlignment="1">
      <alignment horizontal="center" wrapText="1"/>
    </xf>
    <xf numFmtId="0" fontId="11" fillId="0" borderId="34" xfId="281" quotePrefix="1" applyFont="1" applyBorder="1" applyAlignment="1">
      <alignment horizontal="left"/>
    </xf>
    <xf numFmtId="173" fontId="7" fillId="26" borderId="0" xfId="112" applyNumberFormat="1" applyFont="1" applyFill="1" applyAlignment="1" applyProtection="1">
      <protection locked="0"/>
    </xf>
    <xf numFmtId="0" fontId="11" fillId="0" borderId="34" xfId="281" applyFont="1" applyBorder="1"/>
    <xf numFmtId="0" fontId="11" fillId="0" borderId="40" xfId="0" applyNumberFormat="1" applyFont="1" applyBorder="1" applyAlignment="1">
      <alignment horizontal="center"/>
    </xf>
    <xf numFmtId="0" fontId="11" fillId="0" borderId="35" xfId="281" applyFont="1" applyBorder="1"/>
    <xf numFmtId="0" fontId="11" fillId="0" borderId="35" xfId="28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81" applyFont="1"/>
    <xf numFmtId="37" fontId="11" fillId="0" borderId="0" xfId="281" applyNumberFormat="1" applyFont="1"/>
    <xf numFmtId="172" fontId="11" fillId="0" borderId="0" xfId="274" applyFont="1" applyAlignment="1"/>
    <xf numFmtId="0" fontId="8" fillId="0" borderId="34" xfId="281" applyFont="1" applyBorder="1" applyAlignment="1">
      <alignment horizontal="center" wrapText="1"/>
    </xf>
    <xf numFmtId="0" fontId="11" fillId="0" borderId="16" xfId="0" applyNumberFormat="1" applyFont="1" applyBorder="1" applyAlignment="1">
      <alignment horizontal="center"/>
    </xf>
    <xf numFmtId="0" fontId="11" fillId="0" borderId="42" xfId="281" applyFont="1" applyBorder="1" applyAlignment="1">
      <alignment horizontal="right"/>
    </xf>
    <xf numFmtId="0" fontId="11" fillId="0" borderId="39" xfId="0" applyNumberFormat="1" applyFont="1" applyBorder="1" applyAlignment="1">
      <alignment horizontal="center"/>
    </xf>
    <xf numFmtId="0" fontId="8" fillId="0" borderId="2" xfId="281" applyFont="1" applyBorder="1" applyAlignment="1">
      <alignment horizontal="centerContinuous" wrapText="1"/>
    </xf>
    <xf numFmtId="0" fontId="11" fillId="0" borderId="39" xfId="0" applyFont="1" applyBorder="1" applyAlignment="1"/>
    <xf numFmtId="0" fontId="11" fillId="0" borderId="2" xfId="0" applyFont="1" applyBorder="1" applyAlignment="1"/>
    <xf numFmtId="0" fontId="11" fillId="0" borderId="33" xfId="0" applyNumberFormat="1" applyFont="1" applyBorder="1" applyAlignment="1">
      <alignment horizontal="center" wrapText="1"/>
    </xf>
    <xf numFmtId="0" fontId="8" fillId="0" borderId="33" xfId="281" applyFont="1" applyBorder="1" applyAlignment="1">
      <alignment horizontal="center" wrapText="1"/>
    </xf>
    <xf numFmtId="0" fontId="8" fillId="0" borderId="33" xfId="281" applyFont="1" applyBorder="1" applyAlignment="1">
      <alignment horizontal="center"/>
    </xf>
    <xf numFmtId="3" fontId="11" fillId="0" borderId="40" xfId="220" applyNumberFormat="1" applyFont="1" applyFill="1" applyBorder="1" applyAlignment="1">
      <alignment horizontal="center" wrapText="1"/>
    </xf>
    <xf numFmtId="3" fontId="11" fillId="0" borderId="11" xfId="220" applyNumberFormat="1" applyFont="1" applyFill="1" applyBorder="1" applyAlignment="1">
      <alignment horizontal="center" wrapText="1"/>
    </xf>
    <xf numFmtId="0" fontId="11" fillId="0" borderId="0" xfId="281" quotePrefix="1" applyFont="1" applyBorder="1" applyAlignment="1">
      <alignment horizontal="left"/>
    </xf>
    <xf numFmtId="173" fontId="7" fillId="26" borderId="33" xfId="112" applyNumberFormat="1" applyFont="1" applyFill="1" applyBorder="1" applyAlignment="1" applyProtection="1">
      <protection locked="0"/>
    </xf>
    <xf numFmtId="0" fontId="11" fillId="0" borderId="0" xfId="281" applyFont="1" applyBorder="1"/>
    <xf numFmtId="0" fontId="11" fillId="0" borderId="11" xfId="281" applyFont="1" applyBorder="1"/>
    <xf numFmtId="173" fontId="7" fillId="26" borderId="40" xfId="112"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20" applyFont="1" applyFill="1" applyBorder="1" applyAlignment="1">
      <alignment horizontal="left" vertical="center"/>
    </xf>
    <xf numFmtId="0" fontId="11" fillId="0" borderId="0" xfId="220" applyNumberFormat="1" applyFont="1" applyFill="1" applyBorder="1" applyAlignment="1">
      <alignment horizontal="center"/>
    </xf>
    <xf numFmtId="0" fontId="16" fillId="0" borderId="0" xfId="220" applyFont="1" applyBorder="1" applyAlignment="1">
      <alignment horizontal="center" vertical="center"/>
    </xf>
    <xf numFmtId="0" fontId="16" fillId="0" borderId="0" xfId="270" applyFont="1" applyAlignment="1">
      <alignment horizontal="center" vertical="center" wrapText="1"/>
    </xf>
    <xf numFmtId="0" fontId="16" fillId="0" borderId="0" xfId="220" quotePrefix="1" applyFont="1" applyBorder="1" applyAlignment="1">
      <alignment horizontal="center" vertical="center" wrapText="1"/>
    </xf>
    <xf numFmtId="0" fontId="16" fillId="0" borderId="0" xfId="220" applyFont="1" applyFill="1" applyBorder="1" applyAlignment="1">
      <alignment horizontal="left"/>
    </xf>
    <xf numFmtId="0" fontId="11" fillId="0" borderId="0" xfId="220" applyFont="1" applyFill="1" applyBorder="1" applyAlignment="1">
      <alignment horizontal="center"/>
    </xf>
    <xf numFmtId="3" fontId="11" fillId="0" borderId="0" xfId="220" applyNumberFormat="1" applyFont="1" applyFill="1" applyBorder="1" applyAlignment="1"/>
    <xf numFmtId="173" fontId="0" fillId="0" borderId="0" xfId="112" applyNumberFormat="1" applyFont="1" applyFill="1"/>
    <xf numFmtId="0" fontId="8" fillId="0" borderId="0" xfId="220" applyFont="1" applyFill="1" applyBorder="1" applyAlignment="1">
      <alignment horizontal="left"/>
    </xf>
    <xf numFmtId="0" fontId="11" fillId="0" borderId="0" xfId="220" applyFont="1" applyFill="1" applyBorder="1"/>
    <xf numFmtId="3" fontId="11" fillId="0" borderId="0" xfId="220" applyNumberFormat="1" applyFont="1" applyFill="1" applyBorder="1" applyAlignment="1">
      <alignment horizontal="right"/>
    </xf>
    <xf numFmtId="3" fontId="11" fillId="32" borderId="0" xfId="220" applyNumberFormat="1" applyFont="1" applyFill="1" applyBorder="1" applyAlignment="1"/>
    <xf numFmtId="0" fontId="11" fillId="0" borderId="0" xfId="220" applyFont="1" applyBorder="1"/>
    <xf numFmtId="0" fontId="11" fillId="30" borderId="0" xfId="220"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1" fillId="0" borderId="0" xfId="220" applyNumberFormat="1" applyFont="1" applyFill="1" applyBorder="1"/>
    <xf numFmtId="0" fontId="80" fillId="0" borderId="0" xfId="220" applyNumberFormat="1" applyFont="1" applyFill="1" applyBorder="1" applyAlignment="1">
      <alignment horizontal="center"/>
    </xf>
    <xf numFmtId="0" fontId="11" fillId="0" borderId="0" xfId="270" applyFont="1" applyFill="1" applyAlignment="1">
      <alignment horizontal="left"/>
    </xf>
    <xf numFmtId="0" fontId="96" fillId="0" borderId="0" xfId="270" applyFont="1" applyFill="1" applyBorder="1"/>
    <xf numFmtId="0" fontId="16" fillId="0" borderId="0" xfId="27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12"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20" applyFont="1" applyFill="1" applyBorder="1" applyAlignment="1">
      <alignment horizontal="left"/>
    </xf>
    <xf numFmtId="43" fontId="4" fillId="0" borderId="6" xfId="277" applyNumberFormat="1" applyFont="1" applyFill="1" applyBorder="1" applyAlignment="1" applyProtection="1"/>
    <xf numFmtId="0" fontId="11" fillId="0" borderId="32" xfId="0" applyFont="1" applyBorder="1" applyAlignment="1"/>
    <xf numFmtId="3" fontId="11" fillId="0" borderId="35" xfId="220" applyNumberFormat="1" applyFont="1" applyFill="1" applyBorder="1" applyAlignment="1">
      <alignment horizontal="center" wrapText="1"/>
    </xf>
    <xf numFmtId="173" fontId="7" fillId="30" borderId="34" xfId="89" applyNumberFormat="1" applyFont="1" applyFill="1" applyBorder="1" applyAlignment="1">
      <alignment horizontal="right"/>
    </xf>
    <xf numFmtId="0" fontId="11" fillId="0" borderId="0" xfId="174" applyNumberFormat="1" applyFont="1" applyAlignment="1">
      <alignment horizontal="center"/>
    </xf>
    <xf numFmtId="0" fontId="14" fillId="0" borderId="0" xfId="174" applyFont="1" applyAlignment="1"/>
    <xf numFmtId="0" fontId="14" fillId="0" borderId="0" xfId="174" applyNumberFormat="1" applyFont="1" applyAlignment="1">
      <alignment horizontal="center"/>
    </xf>
    <xf numFmtId="0" fontId="14" fillId="0" borderId="0" xfId="174" applyFont="1" applyAlignment="1">
      <alignment horizontal="right"/>
    </xf>
    <xf numFmtId="0" fontId="90" fillId="0" borderId="0" xfId="281" applyFont="1" applyAlignment="1">
      <alignment horizontal="centerContinuous"/>
    </xf>
    <xf numFmtId="0" fontId="14" fillId="0" borderId="0" xfId="281" applyFont="1" applyFill="1" applyAlignment="1">
      <alignment horizontal="left"/>
    </xf>
    <xf numFmtId="0" fontId="90" fillId="0" borderId="0" xfId="281" applyFont="1" applyAlignment="1">
      <alignment horizontal="center"/>
    </xf>
    <xf numFmtId="0" fontId="11" fillId="0" borderId="0" xfId="174" applyFont="1"/>
    <xf numFmtId="0" fontId="11" fillId="0" borderId="39" xfId="174" applyNumberFormat="1" applyFont="1" applyBorder="1" applyAlignment="1">
      <alignment horizontal="center" wrapText="1"/>
    </xf>
    <xf numFmtId="0" fontId="8" fillId="0" borderId="44" xfId="281" applyFont="1" applyBorder="1" applyAlignment="1">
      <alignment horizontal="center" wrapText="1"/>
    </xf>
    <xf numFmtId="0" fontId="14" fillId="0" borderId="0" xfId="174" applyFont="1" applyAlignment="1">
      <alignment wrapText="1"/>
    </xf>
    <xf numFmtId="0" fontId="11" fillId="0" borderId="33" xfId="174" applyNumberFormat="1" applyFont="1" applyBorder="1" applyAlignment="1">
      <alignment horizontal="center"/>
    </xf>
    <xf numFmtId="0" fontId="8" fillId="0" borderId="10" xfId="281" applyFont="1" applyBorder="1" applyAlignment="1">
      <alignment horizontal="center"/>
    </xf>
    <xf numFmtId="0" fontId="133" fillId="0" borderId="0" xfId="174" applyFont="1" applyAlignment="1"/>
    <xf numFmtId="3" fontId="23" fillId="0" borderId="40" xfId="220" applyNumberFormat="1" applyFont="1" applyFill="1" applyBorder="1" applyAlignment="1">
      <alignment horizontal="center" wrapText="1"/>
    </xf>
    <xf numFmtId="3" fontId="23" fillId="0" borderId="45" xfId="220" applyNumberFormat="1" applyFont="1" applyFill="1" applyBorder="1" applyAlignment="1">
      <alignment wrapText="1"/>
    </xf>
    <xf numFmtId="173" fontId="7" fillId="26" borderId="0" xfId="111" applyNumberFormat="1" applyFont="1" applyFill="1" applyAlignment="1" applyProtection="1">
      <protection locked="0"/>
    </xf>
    <xf numFmtId="41" fontId="11" fillId="0" borderId="10" xfId="281" applyNumberFormat="1" applyFont="1" applyFill="1" applyBorder="1"/>
    <xf numFmtId="0" fontId="11" fillId="0" borderId="40" xfId="174" applyNumberFormat="1" applyFont="1" applyBorder="1" applyAlignment="1">
      <alignment horizontal="center"/>
    </xf>
    <xf numFmtId="173" fontId="11" fillId="0" borderId="46" xfId="88" applyNumberFormat="1" applyFont="1" applyBorder="1"/>
    <xf numFmtId="3" fontId="23" fillId="0" borderId="45" xfId="220"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74" applyNumberFormat="1" applyFont="1" applyBorder="1" applyAlignment="1">
      <alignment horizontal="center"/>
    </xf>
    <xf numFmtId="0" fontId="14" fillId="0" borderId="0" xfId="281" applyFont="1"/>
    <xf numFmtId="37" fontId="14" fillId="0" borderId="0" xfId="281" applyNumberFormat="1" applyFont="1"/>
    <xf numFmtId="172" fontId="14" fillId="0" borderId="0" xfId="274" applyFont="1" applyAlignment="1"/>
    <xf numFmtId="0" fontId="11" fillId="0" borderId="0" xfId="271" applyFont="1" applyFill="1" applyAlignment="1" applyProtection="1">
      <alignment vertical="top"/>
    </xf>
    <xf numFmtId="0" fontId="11" fillId="0" borderId="0" xfId="174" applyFont="1" applyAlignment="1" applyProtection="1">
      <alignment vertical="top" wrapText="1"/>
    </xf>
    <xf numFmtId="0" fontId="133" fillId="0" borderId="0" xfId="174" applyNumberFormat="1" applyFont="1" applyAlignment="1">
      <alignment horizontal="center"/>
    </xf>
    <xf numFmtId="0" fontId="89" fillId="0" borderId="0" xfId="272" applyFont="1" applyFill="1" applyProtection="1"/>
    <xf numFmtId="0" fontId="90" fillId="0" borderId="0" xfId="174" applyFont="1" applyAlignment="1">
      <alignment horizontal="center"/>
    </xf>
    <xf numFmtId="0" fontId="90" fillId="0" borderId="0" xfId="174" quotePrefix="1" applyFont="1" applyAlignment="1">
      <alignment horizontal="center"/>
    </xf>
    <xf numFmtId="0" fontId="8" fillId="0" borderId="0" xfId="272" applyFont="1" applyFill="1" applyAlignment="1" applyProtection="1">
      <alignment horizontal="left"/>
    </xf>
    <xf numFmtId="173" fontId="11" fillId="0" borderId="0" xfId="88" applyNumberFormat="1" applyFont="1" applyFill="1" applyProtection="1"/>
    <xf numFmtId="0" fontId="11" fillId="0" borderId="0" xfId="272" applyFont="1" applyFill="1" applyProtection="1"/>
    <xf numFmtId="0" fontId="11" fillId="0" borderId="0" xfId="194"/>
    <xf numFmtId="0" fontId="11" fillId="0" borderId="0" xfId="272" applyFont="1" applyFill="1" applyAlignment="1" applyProtection="1">
      <alignment horizontal="left"/>
    </xf>
    <xf numFmtId="173" fontId="7" fillId="30" borderId="0" xfId="88" applyNumberFormat="1" applyFont="1" applyFill="1" applyProtection="1">
      <protection locked="0"/>
    </xf>
    <xf numFmtId="0" fontId="11" fillId="0" borderId="0" xfId="194" applyProtection="1"/>
    <xf numFmtId="10" fontId="11" fillId="0" borderId="0" xfId="290" applyNumberFormat="1" applyFont="1" applyFill="1" applyBorder="1" applyProtection="1"/>
    <xf numFmtId="173" fontId="7" fillId="26" borderId="6" xfId="88" applyNumberFormat="1" applyFont="1" applyFill="1" applyBorder="1" applyAlignment="1" applyProtection="1">
      <protection locked="0"/>
    </xf>
    <xf numFmtId="10" fontId="8" fillId="0" borderId="0" xfId="290" applyNumberFormat="1" applyFont="1" applyFill="1" applyBorder="1" applyProtection="1"/>
    <xf numFmtId="0" fontId="8" fillId="0" borderId="0" xfId="272" applyFont="1" applyFill="1" applyProtection="1"/>
    <xf numFmtId="173" fontId="8" fillId="0" borderId="0" xfId="290" applyNumberFormat="1" applyFont="1" applyFill="1" applyBorder="1" applyProtection="1"/>
    <xf numFmtId="173" fontId="11" fillId="0" borderId="0" xfId="290" applyNumberFormat="1" applyFont="1" applyFill="1" applyBorder="1" applyProtection="1"/>
    <xf numFmtId="10" fontId="8" fillId="0" borderId="18" xfId="290" applyNumberFormat="1" applyFont="1" applyFill="1" applyBorder="1" applyProtection="1"/>
    <xf numFmtId="0" fontId="99" fillId="0" borderId="0" xfId="194" applyFont="1" applyAlignment="1" applyProtection="1">
      <alignment horizontal="center"/>
    </xf>
    <xf numFmtId="0" fontId="11" fillId="0" borderId="0" xfId="277" applyNumberFormat="1" applyFont="1" applyFill="1" applyBorder="1" applyAlignment="1" applyProtection="1">
      <alignment horizontal="center" vertical="center"/>
    </xf>
    <xf numFmtId="0" fontId="134" fillId="0" borderId="0" xfId="194" applyFont="1" applyProtection="1"/>
    <xf numFmtId="0" fontId="11" fillId="0" borderId="0" xfId="277" applyNumberFormat="1" applyFont="1" applyFill="1" applyBorder="1" applyAlignment="1" applyProtection="1">
      <alignment horizontal="center" vertical="top"/>
    </xf>
    <xf numFmtId="0" fontId="62" fillId="0" borderId="0" xfId="194" applyFont="1" applyAlignment="1" applyProtection="1">
      <alignment vertical="top" wrapText="1"/>
    </xf>
    <xf numFmtId="0" fontId="8" fillId="0" borderId="0" xfId="277" applyNumberFormat="1" applyFont="1" applyFill="1" applyBorder="1" applyAlignment="1" applyProtection="1">
      <alignment horizontal="center" vertical="center"/>
    </xf>
    <xf numFmtId="0" fontId="21" fillId="0" borderId="0" xfId="194" applyFont="1" applyAlignment="1" applyProtection="1"/>
    <xf numFmtId="41" fontId="8" fillId="0" borderId="0" xfId="272" applyNumberFormat="1" applyFont="1" applyFill="1" applyBorder="1" applyAlignment="1" applyProtection="1">
      <alignment horizontal="center" wrapText="1"/>
    </xf>
    <xf numFmtId="0" fontId="8" fillId="0" borderId="0" xfId="272" applyFont="1" applyFill="1" applyAlignment="1" applyProtection="1">
      <alignment horizontal="center" wrapText="1"/>
    </xf>
    <xf numFmtId="0" fontId="7" fillId="26" borderId="0" xfId="272" applyFont="1" applyFill="1" applyProtection="1">
      <protection locked="0"/>
    </xf>
    <xf numFmtId="173" fontId="135" fillId="26" borderId="0" xfId="88" applyNumberFormat="1" applyFont="1" applyFill="1" applyProtection="1">
      <protection locked="0"/>
    </xf>
    <xf numFmtId="196" fontId="11" fillId="0" borderId="0" xfId="279" applyNumberFormat="1" applyFont="1" applyFill="1" applyAlignment="1" applyProtection="1">
      <alignment horizontal="center"/>
      <protection locked="0"/>
    </xf>
    <xf numFmtId="37" fontId="7" fillId="26" borderId="0" xfId="272" applyNumberFormat="1" applyFont="1" applyFill="1" applyProtection="1">
      <protection locked="0"/>
    </xf>
    <xf numFmtId="0" fontId="135" fillId="26" borderId="0" xfId="272" applyFont="1" applyFill="1" applyProtection="1">
      <protection locked="0"/>
    </xf>
    <xf numFmtId="197" fontId="11" fillId="0" borderId="0" xfId="279" applyNumberFormat="1" applyFill="1" applyAlignment="1" applyProtection="1">
      <alignment horizontal="center"/>
      <protection locked="0"/>
    </xf>
    <xf numFmtId="14" fontId="11" fillId="0" borderId="0" xfId="279" applyNumberFormat="1" applyFill="1" applyAlignment="1" applyProtection="1">
      <alignment horizontal="center"/>
      <protection locked="0"/>
    </xf>
    <xf numFmtId="0" fontId="11" fillId="0" borderId="0" xfId="194" applyFont="1" applyProtection="1"/>
    <xf numFmtId="0" fontId="11" fillId="0" borderId="11" xfId="194" applyFont="1" applyBorder="1" applyProtection="1"/>
    <xf numFmtId="0" fontId="14" fillId="0" borderId="11" xfId="272" applyFont="1" applyFill="1" applyBorder="1" applyProtection="1"/>
    <xf numFmtId="0" fontId="11" fillId="0" borderId="0" xfId="194" applyFill="1"/>
    <xf numFmtId="0" fontId="8" fillId="0" borderId="2" xfId="272" applyFont="1" applyFill="1" applyBorder="1" applyAlignment="1" applyProtection="1">
      <alignment horizontal="left"/>
    </xf>
    <xf numFmtId="173" fontId="11" fillId="0" borderId="2" xfId="290" applyNumberFormat="1" applyFont="1" applyFill="1" applyBorder="1" applyProtection="1"/>
    <xf numFmtId="173" fontId="8" fillId="0" borderId="0" xfId="88" applyNumberFormat="1" applyFont="1" applyFill="1" applyBorder="1" applyProtection="1"/>
    <xf numFmtId="0" fontId="89" fillId="0" borderId="0" xfId="272" applyFont="1" applyFill="1" applyAlignment="1" applyProtection="1">
      <alignment horizontal="left"/>
    </xf>
    <xf numFmtId="0" fontId="11" fillId="0" borderId="0" xfId="277" applyNumberFormat="1" applyFont="1" applyFill="1" applyBorder="1" applyAlignment="1" applyProtection="1">
      <alignment horizontal="center" wrapText="1"/>
    </xf>
    <xf numFmtId="173" fontId="14" fillId="0" borderId="0" xfId="174" applyNumberFormat="1" applyFont="1" applyAlignment="1"/>
    <xf numFmtId="0" fontId="11" fillId="0" borderId="0" xfId="272" applyFont="1" applyFill="1" applyBorder="1" applyProtection="1"/>
    <xf numFmtId="0" fontId="14" fillId="0" borderId="2" xfId="174" applyNumberFormat="1" applyFont="1" applyBorder="1" applyAlignment="1"/>
    <xf numFmtId="0" fontId="31" fillId="0" borderId="0" xfId="0" applyFont="1" applyFill="1" applyAlignment="1" applyProtection="1">
      <alignment horizontal="center"/>
    </xf>
    <xf numFmtId="168" fontId="4" fillId="0" borderId="0" xfId="277" applyNumberFormat="1" applyFont="1" applyFill="1" applyAlignment="1" applyProtection="1"/>
    <xf numFmtId="188" fontId="4" fillId="0" borderId="0" xfId="277" applyNumberFormat="1" applyFont="1" applyFill="1" applyAlignment="1" applyProtection="1">
      <alignment horizontal="center"/>
    </xf>
    <xf numFmtId="41" fontId="4" fillId="0" borderId="11" xfId="277" applyNumberFormat="1" applyFont="1" applyFill="1" applyBorder="1" applyAlignment="1" applyProtection="1"/>
    <xf numFmtId="0" fontId="4" fillId="0" borderId="0" xfId="174" applyFont="1" applyFill="1" applyAlignment="1" applyProtection="1">
      <alignment horizontal="center"/>
    </xf>
    <xf numFmtId="0" fontId="62" fillId="0" borderId="0" xfId="174" applyFont="1" applyFill="1" applyProtection="1"/>
    <xf numFmtId="0" fontId="4" fillId="0" borderId="0" xfId="174" applyFont="1" applyFill="1" applyProtection="1"/>
    <xf numFmtId="0" fontId="11" fillId="0" borderId="0" xfId="174" applyFont="1" applyFill="1" applyProtection="1"/>
    <xf numFmtId="173" fontId="4" fillId="32" borderId="0" xfId="86" applyNumberFormat="1" applyFont="1" applyFill="1" applyAlignment="1" applyProtection="1">
      <alignment horizontal="right"/>
    </xf>
    <xf numFmtId="179" fontId="4" fillId="0" borderId="0" xfId="277" applyNumberFormat="1" applyFont="1" applyFill="1" applyAlignment="1" applyProtection="1">
      <alignment horizontal="center"/>
    </xf>
    <xf numFmtId="0" fontId="62" fillId="0" borderId="0" xfId="270" applyFont="1" applyFill="1" applyAlignment="1">
      <alignment horizontal="center"/>
    </xf>
    <xf numFmtId="37" fontId="11" fillId="0" borderId="0" xfId="174" applyNumberFormat="1" applyFont="1"/>
    <xf numFmtId="0" fontId="8" fillId="0" borderId="0" xfId="270" applyFont="1" applyFill="1" applyBorder="1"/>
    <xf numFmtId="0" fontId="11" fillId="0" borderId="0" xfId="174"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83" applyFont="1" applyFill="1" applyProtection="1"/>
    <xf numFmtId="0" fontId="11" fillId="0" borderId="0" xfId="283" applyFont="1" applyFill="1" applyProtection="1"/>
    <xf numFmtId="0" fontId="11" fillId="0" borderId="0" xfId="0" applyFont="1" applyFill="1" applyAlignment="1" applyProtection="1">
      <alignment vertical="top"/>
    </xf>
    <xf numFmtId="41" fontId="18" fillId="0" borderId="0" xfId="270" applyNumberFormat="1" applyFont="1" applyFill="1" applyBorder="1" applyProtection="1">
      <protection locked="0"/>
    </xf>
    <xf numFmtId="0" fontId="5" fillId="0" borderId="0" xfId="270" applyFont="1" applyFill="1" applyBorder="1"/>
    <xf numFmtId="0" fontId="17" fillId="0" borderId="0" xfId="278" applyNumberFormat="1" applyFont="1" applyFill="1" applyAlignment="1">
      <alignment horizontal="center"/>
    </xf>
    <xf numFmtId="0" fontId="17" fillId="0" borderId="0" xfId="278" applyNumberFormat="1" applyFont="1" applyFill="1"/>
    <xf numFmtId="0" fontId="72" fillId="0" borderId="0" xfId="278" applyFont="1" applyFill="1" applyAlignment="1">
      <alignment wrapText="1"/>
    </xf>
    <xf numFmtId="0" fontId="5" fillId="0" borderId="0" xfId="271" applyFont="1" applyFill="1" applyAlignment="1">
      <alignment horizontal="center"/>
    </xf>
    <xf numFmtId="0" fontId="5" fillId="0" borderId="0" xfId="271" applyFont="1" applyFill="1" applyBorder="1" applyAlignment="1">
      <alignment horizontal="center"/>
    </xf>
    <xf numFmtId="0" fontId="5" fillId="0" borderId="0" xfId="271" quotePrefix="1" applyFont="1" applyFill="1" applyBorder="1" applyAlignment="1">
      <alignment horizontal="center"/>
    </xf>
    <xf numFmtId="0" fontId="5" fillId="0" borderId="0" xfId="271" applyFont="1" applyFill="1" applyAlignment="1">
      <alignment horizontal="left" vertical="center" wrapText="1"/>
    </xf>
    <xf numFmtId="0" fontId="5" fillId="0" borderId="0" xfId="271" applyFont="1" applyFill="1" applyAlignment="1">
      <alignment horizontal="center" vertical="center" wrapText="1"/>
    </xf>
    <xf numFmtId="0" fontId="5" fillId="0" borderId="0" xfId="271" applyFont="1" applyFill="1" applyBorder="1" applyAlignment="1">
      <alignment horizontal="center" vertical="center" wrapText="1"/>
    </xf>
    <xf numFmtId="0" fontId="5" fillId="0" borderId="0" xfId="271" quotePrefix="1" applyFont="1" applyFill="1" applyBorder="1" applyAlignment="1">
      <alignment horizontal="center" vertical="center" wrapText="1"/>
    </xf>
    <xf numFmtId="0" fontId="11" fillId="0" borderId="0" xfId="278" applyNumberFormat="1" applyFont="1" applyFill="1" applyAlignment="1">
      <alignment horizontal="center"/>
    </xf>
    <xf numFmtId="185" fontId="11" fillId="0" borderId="0" xfId="278" applyNumberFormat="1" applyFont="1" applyFill="1"/>
    <xf numFmtId="0" fontId="11" fillId="0" borderId="0" xfId="273" applyFont="1" applyFill="1" applyAlignment="1" applyProtection="1">
      <alignment horizontal="left"/>
    </xf>
    <xf numFmtId="0" fontId="11" fillId="0" borderId="0" xfId="194" applyFont="1" applyFill="1" applyProtection="1"/>
    <xf numFmtId="0" fontId="4" fillId="32" borderId="0" xfId="277" applyNumberFormat="1" applyFont="1" applyFill="1" applyAlignment="1" applyProtection="1">
      <alignment vertical="top" wrapText="1"/>
    </xf>
    <xf numFmtId="0" fontId="137" fillId="0" borderId="0" xfId="0" applyFont="1" applyAlignment="1">
      <alignment vertical="center"/>
    </xf>
    <xf numFmtId="0" fontId="138" fillId="0" borderId="0" xfId="220" applyFont="1" applyProtection="1"/>
    <xf numFmtId="0" fontId="139" fillId="0" borderId="0" xfId="220" applyFont="1" applyBorder="1" applyAlignment="1" applyProtection="1">
      <alignment horizontal="center"/>
    </xf>
    <xf numFmtId="3" fontId="140" fillId="0" borderId="0" xfId="220" applyNumberFormat="1" applyFont="1" applyAlignment="1" applyProtection="1">
      <alignment horizontal="center"/>
    </xf>
    <xf numFmtId="0" fontId="138" fillId="0" borderId="0" xfId="0" applyFont="1" applyAlignment="1" applyProtection="1"/>
    <xf numFmtId="0" fontId="141" fillId="0" borderId="0" xfId="220" applyFont="1" applyProtection="1"/>
    <xf numFmtId="0" fontId="140" fillId="0" borderId="0" xfId="220" applyFont="1" applyAlignment="1" applyProtection="1">
      <alignment horizontal="center"/>
    </xf>
    <xf numFmtId="0" fontId="139" fillId="0" borderId="0" xfId="219" applyFont="1" applyFill="1" applyProtection="1"/>
    <xf numFmtId="0" fontId="140" fillId="0" borderId="0" xfId="220" applyFont="1" applyFill="1" applyBorder="1" applyAlignment="1" applyProtection="1">
      <alignment horizontal="center"/>
    </xf>
    <xf numFmtId="0" fontId="139" fillId="0" borderId="0" xfId="220" applyFont="1" applyProtection="1"/>
    <xf numFmtId="0" fontId="142" fillId="0" borderId="0" xfId="220" applyFont="1" applyBorder="1" applyAlignment="1" applyProtection="1">
      <alignment horizontal="left"/>
    </xf>
    <xf numFmtId="0" fontId="139" fillId="0" borderId="0" xfId="220" applyFont="1" applyBorder="1" applyAlignment="1" applyProtection="1"/>
    <xf numFmtId="0" fontId="139" fillId="0" borderId="0" xfId="220" applyFont="1" applyBorder="1" applyProtection="1"/>
    <xf numFmtId="0" fontId="142" fillId="0" borderId="0" xfId="220" applyFont="1" applyFill="1" applyBorder="1" applyProtection="1"/>
    <xf numFmtId="3" fontId="139" fillId="0" borderId="0" xfId="220" applyNumberFormat="1" applyFont="1" applyFill="1" applyBorder="1" applyAlignment="1" applyProtection="1"/>
    <xf numFmtId="1" fontId="143" fillId="0" borderId="0" xfId="220" applyNumberFormat="1" applyFont="1" applyFill="1" applyBorder="1" applyAlignment="1" applyProtection="1">
      <alignment horizontal="center"/>
    </xf>
    <xf numFmtId="172" fontId="139" fillId="0" borderId="0" xfId="276" applyFont="1" applyBorder="1" applyAlignment="1" applyProtection="1"/>
    <xf numFmtId="170" fontId="143" fillId="30" borderId="0" xfId="276" applyNumberFormat="1" applyFont="1" applyFill="1" applyBorder="1" applyAlignment="1" applyProtection="1">
      <alignment horizontal="right"/>
      <protection locked="0"/>
    </xf>
    <xf numFmtId="6" fontId="138" fillId="0" borderId="0" xfId="220" applyNumberFormat="1" applyFont="1" applyProtection="1"/>
    <xf numFmtId="170" fontId="139" fillId="0" borderId="0" xfId="276" applyNumberFormat="1" applyFont="1" applyFill="1" applyBorder="1" applyAlignment="1" applyProtection="1">
      <alignment horizontal="right"/>
    </xf>
    <xf numFmtId="170" fontId="139" fillId="0" borderId="0" xfId="276" applyNumberFormat="1" applyFont="1" applyBorder="1" applyAlignment="1" applyProtection="1">
      <alignment horizontal="right"/>
    </xf>
    <xf numFmtId="171" fontId="139" fillId="0" borderId="0" xfId="276" applyNumberFormat="1" applyFont="1" applyFill="1" applyBorder="1" applyAlignment="1" applyProtection="1"/>
    <xf numFmtId="0" fontId="144" fillId="0" borderId="0" xfId="220" applyFont="1" applyProtection="1"/>
    <xf numFmtId="170" fontId="139" fillId="0" borderId="0" xfId="276" applyNumberFormat="1" applyFont="1" applyBorder="1" applyAlignment="1" applyProtection="1"/>
    <xf numFmtId="0" fontId="139" fillId="0" borderId="0" xfId="0" applyFont="1" applyBorder="1" applyAlignment="1" applyProtection="1"/>
    <xf numFmtId="172" fontId="139" fillId="0" borderId="0" xfId="276" applyFont="1" applyFill="1" applyBorder="1" applyAlignment="1" applyProtection="1"/>
    <xf numFmtId="0" fontId="139" fillId="0" borderId="6" xfId="220" applyFont="1" applyBorder="1" applyAlignment="1" applyProtection="1">
      <alignment horizontal="center"/>
    </xf>
    <xf numFmtId="0" fontId="139" fillId="0" borderId="6" xfId="0" applyFont="1" applyBorder="1" applyAlignment="1" applyProtection="1"/>
    <xf numFmtId="172" fontId="139" fillId="0" borderId="6" xfId="276" applyFont="1" applyBorder="1" applyAlignment="1" applyProtection="1"/>
    <xf numFmtId="170" fontId="139" fillId="0" borderId="0" xfId="0" applyNumberFormat="1" applyFont="1" applyBorder="1" applyAlignment="1" applyProtection="1"/>
    <xf numFmtId="170" fontId="139" fillId="0" borderId="0" xfId="220" applyNumberFormat="1" applyFont="1" applyBorder="1" applyProtection="1"/>
    <xf numFmtId="0" fontId="138" fillId="0" borderId="0" xfId="220" applyFont="1" applyBorder="1" applyProtection="1"/>
    <xf numFmtId="0" fontId="4" fillId="0" borderId="0" xfId="277" applyNumberFormat="1" applyFont="1" applyFill="1" applyAlignment="1" applyProtection="1">
      <alignment horizontal="left" indent="2"/>
    </xf>
    <xf numFmtId="173" fontId="7" fillId="30" borderId="0" xfId="112" applyNumberFormat="1" applyFont="1" applyFill="1" applyAlignment="1" applyProtection="1">
      <protection locked="0"/>
    </xf>
    <xf numFmtId="173" fontId="7" fillId="30" borderId="33" xfId="112" applyNumberFormat="1" applyFont="1" applyFill="1" applyBorder="1" applyAlignment="1" applyProtection="1">
      <protection locked="0"/>
    </xf>
    <xf numFmtId="173" fontId="7" fillId="30" borderId="0" xfId="111" applyNumberFormat="1" applyFont="1" applyFill="1" applyAlignment="1" applyProtection="1">
      <protection locked="0"/>
    </xf>
    <xf numFmtId="0" fontId="62" fillId="30" borderId="0" xfId="0" applyNumberFormat="1" applyFont="1" applyFill="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0" fontId="155" fillId="30" borderId="0" xfId="0" applyFont="1" applyFill="1" applyAlignment="1" applyProtection="1">
      <alignment horizontal="left" vertical="top"/>
      <protection locked="0"/>
    </xf>
    <xf numFmtId="0" fontId="11" fillId="33" borderId="30" xfId="0" applyNumberFormat="1" applyFont="1" applyFill="1" applyBorder="1" applyAlignment="1" applyProtection="1">
      <alignment horizontal="center"/>
    </xf>
    <xf numFmtId="0" fontId="11" fillId="0" borderId="30" xfId="0" applyNumberFormat="1" applyFont="1" applyFill="1" applyBorder="1" applyAlignment="1" applyProtection="1">
      <alignment horizontal="center"/>
    </xf>
    <xf numFmtId="173" fontId="152" fillId="30" borderId="20" xfId="11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30" borderId="20" xfId="116" applyNumberFormat="1" applyFont="1" applyFill="1" applyBorder="1" applyAlignment="1" applyProtection="1">
      <alignment horizontal="right"/>
      <protection locked="0"/>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0" fontId="121" fillId="0" borderId="0" xfId="0" applyNumberFormat="1" applyFont="1" applyFill="1" applyAlignment="1" applyProtection="1">
      <alignment horizontal="center"/>
    </xf>
    <xf numFmtId="178" fontId="5" fillId="0" borderId="0" xfId="277" applyNumberFormat="1" applyFont="1" applyFill="1" applyAlignment="1" applyProtection="1"/>
    <xf numFmtId="10" fontId="4" fillId="33" borderId="0" xfId="277" applyNumberFormat="1" applyFont="1" applyFill="1" applyAlignment="1" applyProtection="1"/>
    <xf numFmtId="0" fontId="121" fillId="0" borderId="0" xfId="0" applyFont="1" applyFill="1" applyAlignment="1" applyProtection="1">
      <alignment wrapText="1"/>
    </xf>
    <xf numFmtId="41" fontId="4" fillId="0" borderId="11" xfId="277" applyNumberFormat="1" applyFont="1" applyBorder="1" applyAlignment="1" applyProtection="1"/>
    <xf numFmtId="0" fontId="105" fillId="0" borderId="39" xfId="280" applyFont="1" applyBorder="1" applyProtection="1"/>
    <xf numFmtId="0" fontId="81" fillId="0" borderId="2" xfId="280" applyFont="1" applyBorder="1" applyAlignment="1" applyProtection="1">
      <alignment horizontal="center"/>
    </xf>
    <xf numFmtId="0" fontId="81" fillId="0" borderId="32" xfId="280" applyFont="1" applyBorder="1" applyAlignment="1" applyProtection="1">
      <alignment horizontal="center"/>
    </xf>
    <xf numFmtId="3" fontId="2" fillId="0" borderId="34" xfId="280" applyNumberFormat="1" applyBorder="1" applyProtection="1"/>
    <xf numFmtId="3" fontId="2" fillId="0" borderId="0" xfId="280" applyNumberFormat="1" applyFill="1" applyBorder="1" applyProtection="1"/>
    <xf numFmtId="0" fontId="2" fillId="0" borderId="40" xfId="280" applyFont="1" applyBorder="1" applyProtection="1"/>
    <xf numFmtId="10" fontId="2" fillId="0" borderId="11" xfId="302" applyNumberFormat="1" applyFont="1" applyBorder="1" applyAlignment="1" applyProtection="1">
      <alignment horizontal="center"/>
    </xf>
    <xf numFmtId="10" fontId="76" fillId="0" borderId="35" xfId="302" applyNumberFormat="1" applyFont="1" applyBorder="1" applyAlignment="1" applyProtection="1">
      <alignment horizontal="center"/>
    </xf>
    <xf numFmtId="173" fontId="7" fillId="26" borderId="32" xfId="111" applyNumberFormat="1" applyFont="1" applyFill="1" applyBorder="1" applyAlignment="1" applyProtection="1">
      <protection locked="0"/>
    </xf>
    <xf numFmtId="173" fontId="7" fillId="26" borderId="34" xfId="111"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41" fontId="7" fillId="30" borderId="0" xfId="270" applyNumberFormat="1" applyFont="1" applyFill="1" applyProtection="1">
      <protection locked="0"/>
    </xf>
    <xf numFmtId="10" fontId="4" fillId="0" borderId="0" xfId="290" applyNumberFormat="1" applyFont="1" applyFill="1" applyAlignment="1" applyProtection="1"/>
    <xf numFmtId="0" fontId="4" fillId="0" borderId="0" xfId="0" applyFont="1" applyFill="1" applyAlignment="1" applyProtection="1">
      <alignment horizontal="center"/>
    </xf>
    <xf numFmtId="37" fontId="7" fillId="26" borderId="0" xfId="174" applyNumberFormat="1" applyFont="1" applyFill="1" applyProtection="1">
      <protection locked="0"/>
    </xf>
    <xf numFmtId="171" fontId="139" fillId="33" borderId="0" xfId="276" applyNumberFormat="1" applyFont="1" applyFill="1" applyBorder="1" applyAlignment="1" applyProtection="1">
      <protection locked="0"/>
    </xf>
    <xf numFmtId="0" fontId="23" fillId="0" borderId="0" xfId="223" applyFont="1"/>
    <xf numFmtId="0" fontId="23" fillId="0" borderId="0" xfId="223" applyFont="1" applyAlignment="1">
      <alignment horizontal="center"/>
    </xf>
    <xf numFmtId="0" fontId="11" fillId="0" borderId="0" xfId="223" applyFont="1" applyAlignment="1">
      <alignment horizontal="right"/>
    </xf>
    <xf numFmtId="14" fontId="23" fillId="0" borderId="0" xfId="223" applyNumberFormat="1" applyFont="1"/>
    <xf numFmtId="0" fontId="23" fillId="0" borderId="0" xfId="174" applyFont="1"/>
    <xf numFmtId="9" fontId="23" fillId="0" borderId="0" xfId="289" applyFont="1"/>
    <xf numFmtId="41" fontId="23" fillId="0" borderId="0" xfId="223" applyNumberFormat="1" applyFont="1"/>
    <xf numFmtId="10" fontId="23" fillId="0" borderId="0" xfId="291" applyNumberFormat="1" applyFont="1"/>
    <xf numFmtId="0" fontId="23" fillId="0" borderId="0" xfId="0" applyFont="1" applyAlignment="1"/>
    <xf numFmtId="0" fontId="23" fillId="0" borderId="11" xfId="223" applyFont="1" applyBorder="1"/>
    <xf numFmtId="0" fontId="24" fillId="0" borderId="11" xfId="223" applyFont="1" applyBorder="1" applyAlignment="1">
      <alignment horizontal="center"/>
    </xf>
    <xf numFmtId="0" fontId="24" fillId="0" borderId="11" xfId="223" applyFont="1" applyBorder="1" applyAlignment="1">
      <alignment horizontal="center" wrapText="1"/>
    </xf>
    <xf numFmtId="0" fontId="24" fillId="0" borderId="13" xfId="223" applyFont="1" applyBorder="1" applyAlignment="1">
      <alignment horizontal="center" wrapText="1"/>
    </xf>
    <xf numFmtId="0" fontId="24" fillId="0" borderId="11" xfId="223" applyFont="1" applyFill="1" applyBorder="1" applyAlignment="1">
      <alignment horizontal="center" wrapText="1"/>
    </xf>
    <xf numFmtId="0" fontId="24" fillId="0" borderId="0" xfId="223" applyFont="1" applyAlignment="1">
      <alignment horizontal="center"/>
    </xf>
    <xf numFmtId="0" fontId="24" fillId="0" borderId="0" xfId="223" applyFont="1" applyBorder="1" applyAlignment="1">
      <alignment horizontal="center" wrapText="1"/>
    </xf>
    <xf numFmtId="0" fontId="24" fillId="0" borderId="0" xfId="223" applyFont="1" applyFill="1" applyBorder="1" applyAlignment="1">
      <alignment horizontal="center" wrapText="1"/>
    </xf>
    <xf numFmtId="0" fontId="24" fillId="0" borderId="0" xfId="223" applyFont="1" applyAlignment="1">
      <alignment horizontal="left"/>
    </xf>
    <xf numFmtId="0" fontId="23" fillId="35" borderId="0" xfId="223" applyFont="1" applyFill="1"/>
    <xf numFmtId="49" fontId="23" fillId="0" borderId="0" xfId="223" applyNumberFormat="1" applyFont="1" applyFill="1" applyAlignment="1">
      <alignment horizontal="center"/>
    </xf>
    <xf numFmtId="0" fontId="23" fillId="0" borderId="0" xfId="223" applyFont="1" applyBorder="1"/>
    <xf numFmtId="0" fontId="23" fillId="0" borderId="0" xfId="223" applyFont="1" applyFill="1" applyBorder="1" applyAlignment="1">
      <alignment horizontal="center"/>
    </xf>
    <xf numFmtId="41" fontId="23" fillId="30" borderId="12" xfId="27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71" applyNumberFormat="1" applyFont="1" applyFill="1" applyBorder="1" applyProtection="1">
      <protection locked="0"/>
    </xf>
    <xf numFmtId="41" fontId="23" fillId="0" borderId="0" xfId="223" applyNumberFormat="1" applyFont="1" applyBorder="1" applyAlignment="1">
      <alignment horizontal="center"/>
    </xf>
    <xf numFmtId="0" fontId="24" fillId="0" borderId="0" xfId="223" applyFont="1" applyBorder="1"/>
    <xf numFmtId="173" fontId="23" fillId="36" borderId="47" xfId="117" applyNumberFormat="1" applyFont="1" applyFill="1" applyBorder="1"/>
    <xf numFmtId="41" fontId="23" fillId="0" borderId="12" xfId="174" applyNumberFormat="1" applyFont="1" applyFill="1" applyBorder="1"/>
    <xf numFmtId="173" fontId="23" fillId="0" borderId="0" xfId="86" applyNumberFormat="1" applyFont="1" applyBorder="1" applyAlignment="1">
      <alignment horizontal="center"/>
    </xf>
    <xf numFmtId="49" fontId="23" fillId="0" borderId="0" xfId="223" applyNumberFormat="1" applyFont="1" applyAlignment="1">
      <alignment horizontal="center"/>
    </xf>
    <xf numFmtId="41" fontId="23" fillId="30" borderId="33" xfId="271" applyNumberFormat="1" applyFont="1" applyFill="1" applyBorder="1" applyAlignment="1" applyProtection="1">
      <alignment vertical="top"/>
      <protection locked="0"/>
    </xf>
    <xf numFmtId="0" fontId="24" fillId="0" borderId="0" xfId="223" applyFont="1"/>
    <xf numFmtId="0" fontId="0" fillId="0" borderId="0" xfId="0" applyFont="1"/>
    <xf numFmtId="0" fontId="23" fillId="0" borderId="0" xfId="174" applyFont="1" applyFill="1"/>
    <xf numFmtId="0" fontId="23" fillId="0" borderId="0" xfId="174" applyFont="1" applyFill="1" applyBorder="1"/>
    <xf numFmtId="0" fontId="23" fillId="0" borderId="0" xfId="223" applyFont="1" applyFill="1" applyAlignment="1">
      <alignment horizontal="center"/>
    </xf>
    <xf numFmtId="0" fontId="23" fillId="0" borderId="0" xfId="223" applyFont="1" applyAlignment="1">
      <alignment wrapText="1"/>
    </xf>
    <xf numFmtId="173" fontId="23" fillId="36" borderId="0" xfId="117" applyNumberFormat="1" applyFont="1" applyFill="1" applyBorder="1"/>
    <xf numFmtId="41" fontId="23" fillId="30" borderId="48" xfId="27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23"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7"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23" applyFont="1" applyAlignment="1">
      <alignment horizontal="left" vertical="center"/>
    </xf>
    <xf numFmtId="0" fontId="23" fillId="0" borderId="0" xfId="223" applyFont="1" applyAlignment="1">
      <alignment vertical="top" wrapText="1"/>
    </xf>
    <xf numFmtId="0" fontId="23" fillId="0" borderId="0" xfId="223" applyFont="1" applyAlignment="1"/>
    <xf numFmtId="173" fontId="23" fillId="0" borderId="0" xfId="223" applyNumberFormat="1" applyFont="1"/>
    <xf numFmtId="0" fontId="23" fillId="0" borderId="0" xfId="223" applyFont="1" applyAlignment="1">
      <alignment vertical="top"/>
    </xf>
    <xf numFmtId="0" fontId="23" fillId="0" borderId="0" xfId="223" applyFont="1" applyFill="1" applyAlignment="1">
      <alignment vertical="top" wrapText="1"/>
    </xf>
    <xf numFmtId="0" fontId="23" fillId="0" borderId="0" xfId="223" applyFont="1" applyFill="1"/>
    <xf numFmtId="0" fontId="23" fillId="0" borderId="0" xfId="223" applyFont="1" applyFill="1" applyAlignment="1">
      <alignment horizontal="left"/>
    </xf>
    <xf numFmtId="0" fontId="24" fillId="0" borderId="0" xfId="223" applyFont="1" applyAlignment="1">
      <alignment horizontal="left" vertical="center"/>
    </xf>
    <xf numFmtId="173" fontId="23" fillId="0" borderId="0" xfId="223" applyNumberFormat="1" applyFont="1" applyAlignment="1">
      <alignment horizontal="left" vertical="center"/>
    </xf>
    <xf numFmtId="173" fontId="7" fillId="26" borderId="39" xfId="111" applyNumberFormat="1" applyFont="1" applyFill="1" applyBorder="1" applyAlignment="1" applyProtection="1">
      <protection locked="0"/>
    </xf>
    <xf numFmtId="173" fontId="7" fillId="26" borderId="33" xfId="111" applyNumberFormat="1" applyFont="1" applyFill="1" applyBorder="1" applyAlignment="1" applyProtection="1">
      <protection locked="0"/>
    </xf>
    <xf numFmtId="173" fontId="7" fillId="26" borderId="40" xfId="111" applyNumberFormat="1" applyFont="1" applyFill="1" applyBorder="1" applyAlignment="1" applyProtection="1">
      <protection locked="0"/>
    </xf>
    <xf numFmtId="173" fontId="7" fillId="26" borderId="2" xfId="111" applyNumberFormat="1" applyFont="1" applyFill="1" applyBorder="1" applyAlignment="1" applyProtection="1">
      <protection locked="0"/>
    </xf>
    <xf numFmtId="173" fontId="7" fillId="26" borderId="0" xfId="111" applyNumberFormat="1" applyFont="1" applyFill="1" applyBorder="1" applyAlignment="1" applyProtection="1">
      <protection locked="0"/>
    </xf>
    <xf numFmtId="173" fontId="7" fillId="26" borderId="11" xfId="111" applyNumberFormat="1" applyFont="1" applyFill="1" applyBorder="1" applyAlignment="1" applyProtection="1">
      <protection locked="0"/>
    </xf>
    <xf numFmtId="3" fontId="18" fillId="30" borderId="6" xfId="277" applyNumberFormat="1" applyFont="1" applyFill="1" applyBorder="1" applyAlignment="1" applyProtection="1">
      <protection locked="0"/>
    </xf>
    <xf numFmtId="170" fontId="143" fillId="30" borderId="6" xfId="276" applyNumberFormat="1" applyFont="1" applyFill="1" applyBorder="1" applyAlignment="1" applyProtection="1">
      <alignment horizontal="right"/>
      <protection locked="0"/>
    </xf>
    <xf numFmtId="172" fontId="4" fillId="0" borderId="0" xfId="277" applyFont="1" applyAlignment="1" applyProtection="1">
      <alignment horizontal="left" wrapText="1"/>
    </xf>
    <xf numFmtId="0" fontId="4" fillId="0" borderId="0" xfId="277" applyNumberFormat="1" applyFont="1" applyFill="1" applyAlignment="1" applyProtection="1">
      <alignment wrapText="1"/>
    </xf>
    <xf numFmtId="0" fontId="4" fillId="32" borderId="0" xfId="277" applyNumberFormat="1" applyFont="1" applyFill="1" applyAlignment="1" applyProtection="1">
      <alignment horizontal="left" vertical="top" wrapText="1"/>
    </xf>
    <xf numFmtId="3" fontId="107" fillId="31" borderId="0" xfId="277" applyNumberFormat="1" applyFont="1" applyFill="1" applyAlignment="1" applyProtection="1">
      <alignment horizontal="center"/>
    </xf>
    <xf numFmtId="3" fontId="9" fillId="0" borderId="0" xfId="27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77" applyNumberFormat="1" applyFont="1" applyFill="1" applyAlignment="1" applyProtection="1">
      <alignment vertical="top" wrapText="1"/>
    </xf>
    <xf numFmtId="0" fontId="11" fillId="0" borderId="0" xfId="0" applyFont="1" applyFill="1" applyProtection="1"/>
    <xf numFmtId="0" fontId="25" fillId="0" borderId="0" xfId="277" applyNumberFormat="1" applyFont="1" applyFill="1" applyAlignment="1" applyProtection="1">
      <alignment horizontal="left" wrapText="1"/>
    </xf>
    <xf numFmtId="172" fontId="4" fillId="0" borderId="0" xfId="27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77" applyFont="1" applyFill="1" applyAlignment="1" applyProtection="1">
      <alignment vertical="top" wrapText="1"/>
    </xf>
    <xf numFmtId="0" fontId="25" fillId="0" borderId="0" xfId="0" applyFont="1" applyAlignment="1" applyProtection="1">
      <alignment vertical="top" wrapText="1"/>
    </xf>
    <xf numFmtId="172" fontId="25" fillId="0" borderId="0" xfId="277" applyFont="1" applyFill="1" applyAlignment="1" applyProtection="1">
      <alignment wrapText="1"/>
    </xf>
    <xf numFmtId="172" fontId="4" fillId="0" borderId="0" xfId="277" applyFont="1" applyFill="1" applyAlignment="1" applyProtection="1">
      <alignment vertical="top" wrapText="1"/>
    </xf>
    <xf numFmtId="172" fontId="106" fillId="0" borderId="0" xfId="277" applyFont="1" applyFill="1" applyAlignment="1" applyProtection="1">
      <alignment wrapText="1"/>
    </xf>
    <xf numFmtId="0" fontId="31" fillId="0" borderId="0" xfId="0" applyFont="1" applyAlignment="1" applyProtection="1">
      <alignment wrapText="1"/>
    </xf>
    <xf numFmtId="172" fontId="76" fillId="0" borderId="0" xfId="277" applyFont="1" applyAlignment="1" applyProtection="1">
      <alignment horizontal="left" wrapText="1"/>
    </xf>
    <xf numFmtId="49" fontId="4" fillId="0" borderId="0" xfId="277" applyNumberFormat="1" applyFont="1" applyAlignment="1" applyProtection="1">
      <alignment horizontal="center"/>
    </xf>
    <xf numFmtId="0" fontId="31" fillId="0" borderId="0" xfId="0" applyFont="1" applyAlignment="1" applyProtection="1">
      <alignment horizontal="center"/>
    </xf>
    <xf numFmtId="0" fontId="9" fillId="0" borderId="0" xfId="27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77" applyFont="1" applyBorder="1" applyAlignment="1" applyProtection="1">
      <alignment horizontal="center"/>
    </xf>
    <xf numFmtId="0" fontId="4" fillId="0" borderId="0" xfId="0" applyFont="1" applyAlignment="1" applyProtection="1">
      <alignment horizontal="center"/>
    </xf>
    <xf numFmtId="0" fontId="4" fillId="0" borderId="0" xfId="220" applyFont="1" applyBorder="1" applyAlignment="1">
      <alignment horizontal="center"/>
    </xf>
    <xf numFmtId="0" fontId="8" fillId="0" borderId="47" xfId="281" applyFont="1" applyBorder="1" applyAlignment="1">
      <alignment horizontal="center" wrapText="1"/>
    </xf>
    <xf numFmtId="0" fontId="8" fillId="0" borderId="13" xfId="281" applyFont="1" applyBorder="1" applyAlignment="1">
      <alignment horizontal="center" wrapText="1"/>
    </xf>
    <xf numFmtId="0" fontId="8" fillId="0" borderId="48" xfId="28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20" applyNumberFormat="1" applyFont="1" applyBorder="1" applyAlignment="1">
      <alignment horizontal="center"/>
    </xf>
    <xf numFmtId="38" fontId="62" fillId="0" borderId="0" xfId="0" applyNumberFormat="1" applyFont="1" applyFill="1" applyBorder="1" applyAlignment="1">
      <alignment horizontal="left" wrapText="1"/>
    </xf>
    <xf numFmtId="0" fontId="4" fillId="0" borderId="0" xfId="0" applyFont="1" applyAlignment="1">
      <alignment horizontal="center"/>
    </xf>
    <xf numFmtId="0" fontId="39" fillId="0" borderId="0" xfId="27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20" quotePrefix="1" applyFont="1" applyBorder="1" applyAlignment="1">
      <alignment horizontal="center" wrapText="1"/>
    </xf>
    <xf numFmtId="41" fontId="23" fillId="30" borderId="33" xfId="271" applyNumberFormat="1" applyFont="1" applyFill="1" applyBorder="1" applyAlignment="1" applyProtection="1">
      <alignment horizontal="left" vertical="center" wrapText="1"/>
      <protection locked="0"/>
    </xf>
    <xf numFmtId="0" fontId="23" fillId="0" borderId="0" xfId="223" applyFont="1" applyAlignment="1">
      <alignment horizontal="center" wrapText="1"/>
    </xf>
    <xf numFmtId="0" fontId="23" fillId="0" borderId="0" xfId="223" applyFont="1" applyAlignment="1">
      <alignment horizontal="left" vertical="top" wrapText="1"/>
    </xf>
    <xf numFmtId="0" fontId="23" fillId="0" borderId="0" xfId="223" applyFont="1" applyFill="1" applyAlignment="1">
      <alignment horizontal="left" vertical="top" wrapText="1"/>
    </xf>
    <xf numFmtId="0" fontId="23" fillId="0" borderId="11" xfId="223" applyFont="1" applyBorder="1" applyAlignment="1">
      <alignment horizontal="center"/>
    </xf>
    <xf numFmtId="0" fontId="23" fillId="0" borderId="11" xfId="0" applyFont="1" applyBorder="1" applyAlignment="1">
      <alignment horizontal="center"/>
    </xf>
    <xf numFmtId="0" fontId="23" fillId="0" borderId="11" xfId="223" applyFont="1" applyBorder="1" applyAlignment="1">
      <alignment horizontal="center" wrapText="1"/>
    </xf>
    <xf numFmtId="0" fontId="24" fillId="0" borderId="0" xfId="223" applyFont="1" applyBorder="1" applyAlignment="1">
      <alignment horizontal="center" wrapText="1"/>
    </xf>
    <xf numFmtId="0" fontId="80" fillId="0" borderId="0" xfId="220" applyNumberFormat="1" applyFont="1" applyFill="1" applyBorder="1" applyAlignment="1" applyProtection="1">
      <alignment horizontal="center"/>
    </xf>
    <xf numFmtId="0" fontId="4" fillId="0" borderId="0" xfId="220" applyFont="1" applyBorder="1" applyAlignment="1" applyProtection="1">
      <alignment horizontal="center"/>
    </xf>
    <xf numFmtId="3" fontId="4" fillId="0" borderId="0" xfId="0" applyNumberFormat="1" applyFont="1" applyAlignment="1" applyProtection="1">
      <alignment horizontal="center"/>
    </xf>
    <xf numFmtId="0" fontId="80" fillId="0" borderId="0" xfId="270" applyFont="1" applyFill="1" applyAlignment="1" applyProtection="1">
      <alignment horizontal="center"/>
    </xf>
    <xf numFmtId="0" fontId="16" fillId="0" borderId="0" xfId="27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20"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0" fontId="11" fillId="0" borderId="0" xfId="220" applyNumberFormat="1" applyFont="1" applyFill="1" applyBorder="1" applyAlignment="1">
      <alignment horizontal="left" wrapText="1"/>
    </xf>
    <xf numFmtId="172" fontId="108" fillId="0" borderId="0" xfId="277" applyFont="1" applyFill="1" applyAlignment="1" applyProtection="1">
      <alignment wrapText="1"/>
    </xf>
    <xf numFmtId="0" fontId="119" fillId="0" borderId="0" xfId="0" applyFont="1" applyAlignment="1" applyProtection="1">
      <alignment wrapText="1"/>
    </xf>
    <xf numFmtId="172" fontId="11" fillId="0" borderId="0" xfId="277" applyFont="1" applyFill="1" applyAlignment="1" applyProtection="1">
      <alignment horizontal="left" vertical="top" wrapText="1"/>
    </xf>
    <xf numFmtId="0" fontId="93" fillId="0" borderId="0" xfId="282" applyFont="1" applyFill="1" applyAlignment="1" applyProtection="1">
      <alignment wrapText="1"/>
    </xf>
    <xf numFmtId="3" fontId="3" fillId="0" borderId="0" xfId="0" applyNumberFormat="1" applyFont="1" applyAlignment="1" applyProtection="1">
      <alignment horizontal="center"/>
    </xf>
    <xf numFmtId="0" fontId="9" fillId="0" borderId="0" xfId="282" applyFont="1" applyFill="1" applyAlignment="1" applyProtection="1">
      <alignment horizontal="center"/>
    </xf>
    <xf numFmtId="3" fontId="3" fillId="0" borderId="0" xfId="0" applyNumberFormat="1" applyFont="1" applyAlignment="1">
      <alignment horizontal="center"/>
    </xf>
    <xf numFmtId="0" fontId="73" fillId="0" borderId="11" xfId="278" applyFont="1" applyBorder="1" applyAlignment="1" applyProtection="1">
      <alignment horizontal="center"/>
    </xf>
    <xf numFmtId="3" fontId="4" fillId="0" borderId="0" xfId="220" applyNumberFormat="1" applyFont="1" applyBorder="1" applyAlignment="1" applyProtection="1">
      <alignment horizontal="center"/>
    </xf>
    <xf numFmtId="0" fontId="70" fillId="0" borderId="0" xfId="278" applyFont="1" applyFill="1" applyAlignment="1">
      <alignment horizontal="left" wrapText="1"/>
    </xf>
    <xf numFmtId="0" fontId="0" fillId="0" borderId="0" xfId="0" applyAlignment="1"/>
    <xf numFmtId="0" fontId="70" fillId="0" borderId="0" xfId="27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20"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7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72" applyFont="1" applyFill="1" applyAlignment="1" applyProtection="1">
      <alignment horizontal="left" wrapText="1"/>
    </xf>
    <xf numFmtId="0" fontId="11" fillId="0" borderId="0" xfId="194" applyFont="1" applyFill="1" applyAlignment="1" applyProtection="1">
      <alignment wrapText="1"/>
    </xf>
    <xf numFmtId="0" fontId="111" fillId="0" borderId="0" xfId="272" applyFont="1" applyFill="1" applyAlignment="1" applyProtection="1">
      <alignment horizontal="left" wrapText="1"/>
    </xf>
    <xf numFmtId="0" fontId="62" fillId="0" borderId="0" xfId="174" applyFont="1" applyAlignment="1" applyProtection="1">
      <alignment horizontal="left" vertical="top" wrapText="1"/>
    </xf>
    <xf numFmtId="41" fontId="8" fillId="0" borderId="0" xfId="272" applyNumberFormat="1" applyFont="1" applyFill="1" applyBorder="1" applyAlignment="1" applyProtection="1">
      <alignment horizontal="center" wrapText="1"/>
    </xf>
    <xf numFmtId="0" fontId="4" fillId="0" borderId="0" xfId="174" applyFont="1" applyAlignment="1" applyProtection="1">
      <alignment horizontal="center"/>
    </xf>
    <xf numFmtId="0" fontId="8" fillId="0" borderId="47" xfId="174" applyFont="1" applyBorder="1" applyAlignment="1">
      <alignment horizontal="center"/>
    </xf>
    <xf numFmtId="0" fontId="8" fillId="0" borderId="13" xfId="174" applyFont="1" applyBorder="1" applyAlignment="1">
      <alignment horizontal="center"/>
    </xf>
    <xf numFmtId="0" fontId="8" fillId="0" borderId="48" xfId="174" applyFont="1" applyBorder="1" applyAlignment="1">
      <alignment horizontal="center"/>
    </xf>
    <xf numFmtId="0" fontId="8" fillId="0" borderId="0" xfId="0" applyFont="1" applyAlignment="1">
      <alignment horizontal="left" wrapText="1"/>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139" fillId="0" borderId="0" xfId="220" applyFont="1" applyBorder="1" applyAlignment="1" applyProtection="1">
      <alignment horizontal="center"/>
    </xf>
    <xf numFmtId="3" fontId="139" fillId="0" borderId="0" xfId="220" applyNumberFormat="1" applyFont="1" applyAlignment="1" applyProtection="1">
      <alignment horizontal="center"/>
    </xf>
    <xf numFmtId="0" fontId="139" fillId="0" borderId="0" xfId="0" applyFont="1" applyAlignment="1" applyProtection="1">
      <alignment horizontal="left" vertical="center" wrapText="1"/>
    </xf>
    <xf numFmtId="0" fontId="5" fillId="0" borderId="0" xfId="280" applyFont="1" applyAlignment="1" applyProtection="1">
      <alignment horizontal="left" wrapText="1"/>
    </xf>
    <xf numFmtId="0" fontId="4" fillId="0" borderId="0" xfId="280" applyFont="1" applyAlignment="1" applyProtection="1">
      <alignment horizontal="left" wrapText="1"/>
    </xf>
    <xf numFmtId="0" fontId="101" fillId="0" borderId="0" xfId="280" applyFont="1" applyAlignment="1" applyProtection="1">
      <alignment horizontal="center"/>
    </xf>
    <xf numFmtId="0" fontId="101" fillId="0" borderId="0" xfId="280" applyFont="1" applyFill="1" applyAlignment="1" applyProtection="1">
      <alignment horizontal="center"/>
    </xf>
    <xf numFmtId="3" fontId="101" fillId="0" borderId="0" xfId="280" applyNumberFormat="1" applyFont="1" applyAlignment="1" applyProtection="1">
      <alignment horizontal="center"/>
    </xf>
    <xf numFmtId="0" fontId="76" fillId="0" borderId="11" xfId="280" applyFont="1" applyFill="1" applyBorder="1" applyAlignment="1" applyProtection="1">
      <alignment wrapText="1"/>
    </xf>
    <xf numFmtId="0" fontId="0" fillId="0" borderId="11" xfId="0" applyFill="1" applyBorder="1" applyAlignment="1" applyProtection="1">
      <alignment wrapText="1"/>
    </xf>
    <xf numFmtId="0" fontId="11" fillId="0" borderId="0" xfId="270" applyFont="1" applyFill="1" applyAlignment="1" applyProtection="1">
      <alignment horizontal="left" vertical="top" wrapText="1"/>
    </xf>
    <xf numFmtId="0" fontId="8" fillId="0" borderId="0" xfId="28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center" wrapText="1"/>
    </xf>
  </cellXfs>
  <cellStyles count="360">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5 3" xfId="100"/>
    <cellStyle name="Comma 3 6" xfId="101"/>
    <cellStyle name="Comma 3 6 2" xfId="102"/>
    <cellStyle name="Comma 3 7" xfId="103"/>
    <cellStyle name="Comma 3 8" xfId="104"/>
    <cellStyle name="Comma 4 2" xfId="105"/>
    <cellStyle name="Comma 4 2 2" xfId="106"/>
    <cellStyle name="Comma 4 2 3" xfId="107"/>
    <cellStyle name="Comma 4 3" xfId="108"/>
    <cellStyle name="Comma 5 2" xfId="109"/>
    <cellStyle name="Comma 6" xfId="110"/>
    <cellStyle name="Comma 6 2" xfId="111"/>
    <cellStyle name="Comma 6 2 2" xfId="112"/>
    <cellStyle name="Comma 6 3" xfId="113"/>
    <cellStyle name="Comma 7" xfId="114"/>
    <cellStyle name="Comma 7 2" xfId="115"/>
    <cellStyle name="Comma 8" xfId="116"/>
    <cellStyle name="Comma 9" xfId="117"/>
    <cellStyle name="Comma_spp calc - revsd rev crd" xfId="118"/>
    <cellStyle name="Comma_spp calc - revsd rev crd 2" xfId="119"/>
    <cellStyle name="Comma0" xfId="120"/>
    <cellStyle name="Currency" xfId="121" builtinId="4"/>
    <cellStyle name="Currency 2" xfId="122"/>
    <cellStyle name="Currency 2 2" xfId="123"/>
    <cellStyle name="Currency 3" xfId="124"/>
    <cellStyle name="Currency 3 2" xfId="125"/>
    <cellStyle name="Currency 3 3" xfId="126"/>
    <cellStyle name="Currency 3 3 2" xfId="127"/>
    <cellStyle name="Currency 3 3 3" xfId="128"/>
    <cellStyle name="Currency 3 4" xfId="129"/>
    <cellStyle name="Currency 3 4 2" xfId="130"/>
    <cellStyle name="Currency 3 4 3" xfId="131"/>
    <cellStyle name="Currency 3 5" xfId="132"/>
    <cellStyle name="Currency 3 5 2" xfId="133"/>
    <cellStyle name="Currency 3 5 3" xfId="134"/>
    <cellStyle name="Currency 3 6" xfId="135"/>
    <cellStyle name="Currency 3 6 2" xfId="136"/>
    <cellStyle name="Currency 3 7" xfId="137"/>
    <cellStyle name="Currency 4 2" xfId="138"/>
    <cellStyle name="Currency 4 2 2" xfId="139"/>
    <cellStyle name="Currency 4 2 3" xfId="140"/>
    <cellStyle name="Currency 4 3" xfId="141"/>
    <cellStyle name="Currency 5 2" xfId="142"/>
    <cellStyle name="Currency 6" xfId="143"/>
    <cellStyle name="Currency 7" xfId="144"/>
    <cellStyle name="Currency0" xfId="145"/>
    <cellStyle name="Date" xfId="146"/>
    <cellStyle name="Explanatory Text" xfId="147" builtinId="53" customBuiltin="1"/>
    <cellStyle name="Explanatory Text 2" xfId="148"/>
    <cellStyle name="Fixed" xfId="149"/>
    <cellStyle name="Good" xfId="150" builtinId="26" customBuiltin="1"/>
    <cellStyle name="Good 2" xfId="151"/>
    <cellStyle name="Heading 1" xfId="152" builtinId="16" customBuiltin="1"/>
    <cellStyle name="Heading 1 2" xfId="153"/>
    <cellStyle name="Heading 2" xfId="154" builtinId="17" customBuiltin="1"/>
    <cellStyle name="Heading 2 2" xfId="155"/>
    <cellStyle name="Heading 3" xfId="156" builtinId="18" customBuiltin="1"/>
    <cellStyle name="Heading 3 2" xfId="157"/>
    <cellStyle name="Heading 4" xfId="158" builtinId="19" customBuiltin="1"/>
    <cellStyle name="Heading 4 2" xfId="159"/>
    <cellStyle name="Heading1" xfId="160"/>
    <cellStyle name="Heading2" xfId="161"/>
    <cellStyle name="Input" xfId="162" builtinId="20" customBuiltin="1"/>
    <cellStyle name="Input 2" xfId="163"/>
    <cellStyle name="Linked Cell" xfId="164" builtinId="24" customBuiltin="1"/>
    <cellStyle name="Linked Cell 2" xfId="165"/>
    <cellStyle name="Neutral" xfId="166" builtinId="28" customBuiltin="1"/>
    <cellStyle name="Neutral 2" xfId="167"/>
    <cellStyle name="Normal" xfId="0" builtinId="0"/>
    <cellStyle name="Normal 10" xfId="168"/>
    <cellStyle name="Normal 10 2" xfId="169"/>
    <cellStyle name="Normal 10 3" xfId="170"/>
    <cellStyle name="Normal 10 4" xfId="171"/>
    <cellStyle name="Normal 10 5" xfId="172"/>
    <cellStyle name="Normal 11" xfId="173"/>
    <cellStyle name="Normal 11 2" xfId="174"/>
    <cellStyle name="Normal 11 3" xfId="175"/>
    <cellStyle name="Normal 11 4" xfId="176"/>
    <cellStyle name="Normal 11 5" xfId="177"/>
    <cellStyle name="Normal 12" xfId="178"/>
    <cellStyle name="Normal 12 2" xfId="179"/>
    <cellStyle name="Normal 12 4" xfId="180"/>
    <cellStyle name="Normal 13" xfId="181"/>
    <cellStyle name="Normal 13 2" xfId="182"/>
    <cellStyle name="Normal 14" xfId="183"/>
    <cellStyle name="Normal 14 2" xfId="184"/>
    <cellStyle name="Normal 15" xfId="185"/>
    <cellStyle name="Normal 16" xfId="186"/>
    <cellStyle name="Normal 16 2" xfId="187"/>
    <cellStyle name="Normal 17" xfId="188"/>
    <cellStyle name="Normal 17 2" xfId="189"/>
    <cellStyle name="Normal 18" xfId="190"/>
    <cellStyle name="Normal 18 2" xfId="191"/>
    <cellStyle name="Normal 19" xfId="192"/>
    <cellStyle name="Normal 19 2" xfId="193"/>
    <cellStyle name="Normal 2" xfId="194"/>
    <cellStyle name="Normal 2 2" xfId="195"/>
    <cellStyle name="Normal 2 2 2" xfId="196"/>
    <cellStyle name="Normal 2 2 3" xfId="197"/>
    <cellStyle name="Normal 2 2 4" xfId="198"/>
    <cellStyle name="Normal 2 3" xfId="199"/>
    <cellStyle name="Normal 2 5" xfId="200"/>
    <cellStyle name="Normal 2 5 2" xfId="201"/>
    <cellStyle name="Normal 20" xfId="202"/>
    <cellStyle name="Normal 20 2" xfId="203"/>
    <cellStyle name="Normal 21" xfId="204"/>
    <cellStyle name="Normal 21 2" xfId="205"/>
    <cellStyle name="Normal 22" xfId="206"/>
    <cellStyle name="Normal 22 2" xfId="207"/>
    <cellStyle name="Normal 23" xfId="208"/>
    <cellStyle name="Normal 23 2" xfId="209"/>
    <cellStyle name="Normal 24" xfId="210"/>
    <cellStyle name="Normal 24 2" xfId="211"/>
    <cellStyle name="Normal 25" xfId="212"/>
    <cellStyle name="Normal 25 2" xfId="213"/>
    <cellStyle name="Normal 26" xfId="214"/>
    <cellStyle name="Normal 26 2" xfId="215"/>
    <cellStyle name="Normal 27" xfId="216"/>
    <cellStyle name="Normal 28" xfId="217"/>
    <cellStyle name="Normal 29" xfId="218"/>
    <cellStyle name="Normal 3" xfId="219"/>
    <cellStyle name="Normal 3 2" xfId="220"/>
    <cellStyle name="Normal 3 3" xfId="221"/>
    <cellStyle name="Normal 3_Attach O, GG, Support -New Method 2-14-11" xfId="222"/>
    <cellStyle name="Normal 31 2" xfId="223"/>
    <cellStyle name="Normal 4" xfId="224"/>
    <cellStyle name="Normal 4 2" xfId="225"/>
    <cellStyle name="Normal 4 3" xfId="226"/>
    <cellStyle name="Normal 4 3 2" xfId="227"/>
    <cellStyle name="Normal 4 3 3" xfId="228"/>
    <cellStyle name="Normal 4 4" xfId="229"/>
    <cellStyle name="Normal 4 4 2" xfId="230"/>
    <cellStyle name="Normal 4 4 3" xfId="231"/>
    <cellStyle name="Normal 4 5" xfId="232"/>
    <cellStyle name="Normal 4 5 2" xfId="233"/>
    <cellStyle name="Normal 4 5 3" xfId="234"/>
    <cellStyle name="Normal 4 6" xfId="235"/>
    <cellStyle name="Normal 4 6 2" xfId="236"/>
    <cellStyle name="Normal 4 7" xfId="237"/>
    <cellStyle name="Normal 4 8" xfId="238"/>
    <cellStyle name="Normal 4_PBOP Exhibit 1" xfId="239"/>
    <cellStyle name="Normal 5 2" xfId="240"/>
    <cellStyle name="Normal 5 2 2" xfId="241"/>
    <cellStyle name="Normal 5 2 3" xfId="242"/>
    <cellStyle name="Normal 5 3" xfId="243"/>
    <cellStyle name="Normal 5 4" xfId="244"/>
    <cellStyle name="Normal 5 4 2" xfId="245"/>
    <cellStyle name="Normal 5 4 3" xfId="246"/>
    <cellStyle name="Normal 6 2" xfId="247"/>
    <cellStyle name="Normal 6 2 2" xfId="248"/>
    <cellStyle name="Normal 6 2 3" xfId="249"/>
    <cellStyle name="Normal 6 2 4" xfId="250"/>
    <cellStyle name="Normal 6 2 5" xfId="251"/>
    <cellStyle name="Normal 6 3" xfId="252"/>
    <cellStyle name="Normal 6 3 2" xfId="253"/>
    <cellStyle name="Normal 6 3 3" xfId="254"/>
    <cellStyle name="Normal 6 4" xfId="255"/>
    <cellStyle name="Normal 6 5" xfId="256"/>
    <cellStyle name="Normal 7" xfId="257"/>
    <cellStyle name="Normal 7 2" xfId="258"/>
    <cellStyle name="Normal 7 3" xfId="259"/>
    <cellStyle name="Normal 7 4" xfId="260"/>
    <cellStyle name="Normal 8" xfId="261"/>
    <cellStyle name="Normal 8 2" xfId="262"/>
    <cellStyle name="Normal 8 3" xfId="263"/>
    <cellStyle name="Normal 8 4" xfId="264"/>
    <cellStyle name="Normal 9" xfId="265"/>
    <cellStyle name="Normal 9 2" xfId="266"/>
    <cellStyle name="Normal 9 3" xfId="267"/>
    <cellStyle name="Normal 9 4" xfId="268"/>
    <cellStyle name="Normal_21 Exh B" xfId="269"/>
    <cellStyle name="Normal_ADITAnalysisID090805" xfId="270"/>
    <cellStyle name="Normal_ADITAnalysisID090805 2" xfId="271"/>
    <cellStyle name="Normal_ADITAnalysisID090805 2 2" xfId="272"/>
    <cellStyle name="Normal_ADITAnalysisID090805 3" xfId="273"/>
    <cellStyle name="Normal_ATC Projected 2008 Monthly Plant Balances for Attachment O 2 (2)" xfId="274"/>
    <cellStyle name="Normal_AU Period 2 Rev 4-27-00" xfId="275"/>
    <cellStyle name="Normal_Copy of PATH Formula Rate 2010 Projection Filed Sept 1, 2009 R1" xfId="276"/>
    <cellStyle name="Normal_FN1 Ratebase Draft SPP template (6-11-04) v2" xfId="277"/>
    <cellStyle name="Normal_I&amp;M-AK-1" xfId="278"/>
    <cellStyle name="Normal_IM LTD Hedge Entries 2" xfId="279"/>
    <cellStyle name="Normal_Revised 1-21-10  Deprec Summary" xfId="280"/>
    <cellStyle name="Normal_Schedule O Info for Mike" xfId="281"/>
    <cellStyle name="Normal_spp calc - revsd rev crd" xfId="282"/>
    <cellStyle name="Normal_spp calc - revsd rev crd 2" xfId="283"/>
    <cellStyle name="Normal_Worksheet Q Draft dwb edits" xfId="284"/>
    <cellStyle name="Note" xfId="285" builtinId="10" customBuiltin="1"/>
    <cellStyle name="Note 2" xfId="286"/>
    <cellStyle name="Output" xfId="287" builtinId="21" customBuiltin="1"/>
    <cellStyle name="Output 2" xfId="288"/>
    <cellStyle name="Percent" xfId="289" builtinId="5"/>
    <cellStyle name="Percent 2" xfId="290"/>
    <cellStyle name="Percent 2 2" xfId="291"/>
    <cellStyle name="Percent 3" xfId="292"/>
    <cellStyle name="Percent 3 2" xfId="293"/>
    <cellStyle name="Percent 3 3" xfId="294"/>
    <cellStyle name="Percent 3 3 2" xfId="295"/>
    <cellStyle name="Percent 3 3 3" xfId="296"/>
    <cellStyle name="Percent 3 4" xfId="297"/>
    <cellStyle name="Percent 3 4 2" xfId="298"/>
    <cellStyle name="Percent 3 4 3" xfId="299"/>
    <cellStyle name="Percent 3 5" xfId="300"/>
    <cellStyle name="Percent 3 5 2" xfId="301"/>
    <cellStyle name="Percent 3 5 3" xfId="302"/>
    <cellStyle name="Percent 3 6" xfId="303"/>
    <cellStyle name="Percent 3 6 2" xfId="304"/>
    <cellStyle name="Percent 3 7" xfId="305"/>
    <cellStyle name="Percent 4 2" xfId="306"/>
    <cellStyle name="Percent 4 3" xfId="307"/>
    <cellStyle name="Percent 4 3 2" xfId="308"/>
    <cellStyle name="Percent 4 3 3" xfId="309"/>
    <cellStyle name="Percent 4 4" xfId="310"/>
    <cellStyle name="Percent 5 2" xfId="311"/>
    <cellStyle name="Percent 6" xfId="312"/>
    <cellStyle name="Percent 7" xfId="313"/>
    <cellStyle name="Percent 8" xfId="314"/>
    <cellStyle name="PSChar" xfId="315"/>
    <cellStyle name="PSDate" xfId="316"/>
    <cellStyle name="PSDec" xfId="317"/>
    <cellStyle name="PSdesc" xfId="318"/>
    <cellStyle name="PSHeading" xfId="319"/>
    <cellStyle name="PSInt" xfId="320"/>
    <cellStyle name="PSSpacer" xfId="321"/>
    <cellStyle name="PStest" xfId="322"/>
    <cellStyle name="R00A" xfId="323"/>
    <cellStyle name="R00B" xfId="324"/>
    <cellStyle name="R00L" xfId="325"/>
    <cellStyle name="R01A" xfId="326"/>
    <cellStyle name="R01B" xfId="327"/>
    <cellStyle name="R01H" xfId="328"/>
    <cellStyle name="R01L" xfId="329"/>
    <cellStyle name="R02A" xfId="330"/>
    <cellStyle name="R02B" xfId="331"/>
    <cellStyle name="R02H" xfId="332"/>
    <cellStyle name="R02L" xfId="333"/>
    <cellStyle name="R03A" xfId="334"/>
    <cellStyle name="R03B" xfId="335"/>
    <cellStyle name="R03H" xfId="336"/>
    <cellStyle name="R03L" xfId="337"/>
    <cellStyle name="R04A" xfId="338"/>
    <cellStyle name="R04B" xfId="339"/>
    <cellStyle name="R04H" xfId="340"/>
    <cellStyle name="R04L" xfId="341"/>
    <cellStyle name="R05A" xfId="342"/>
    <cellStyle name="R05B" xfId="343"/>
    <cellStyle name="R05H" xfId="344"/>
    <cellStyle name="R05L" xfId="345"/>
    <cellStyle name="R06A" xfId="346"/>
    <cellStyle name="R06B" xfId="347"/>
    <cellStyle name="R06H" xfId="348"/>
    <cellStyle name="R06L" xfId="349"/>
    <cellStyle name="R07A" xfId="350"/>
    <cellStyle name="R07B" xfId="351"/>
    <cellStyle name="R07H" xfId="352"/>
    <cellStyle name="R07L" xfId="353"/>
    <cellStyle name="Title" xfId="354" builtinId="15" customBuiltin="1"/>
    <cellStyle name="Title 2" xfId="355"/>
    <cellStyle name="Total" xfId="356" builtinId="25" customBuiltin="1"/>
    <cellStyle name="Total 2" xfId="357"/>
    <cellStyle name="Warning Text" xfId="358" builtinId="11" customBuiltin="1"/>
    <cellStyle name="Warning Text 2" xfId="359"/>
  </cellStyles>
  <dxfs count="17">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8" sqref="D8"/>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t="s">
        <v>416</v>
      </c>
    </row>
    <row r="2" spans="1:16" ht="15.75">
      <c r="A2" s="1006" t="s">
        <v>416</v>
      </c>
    </row>
    <row r="3" spans="1:16" ht="15.75">
      <c r="D3" s="156"/>
      <c r="E3" s="157"/>
      <c r="F3" s="157"/>
      <c r="G3" s="158"/>
      <c r="I3" s="159"/>
      <c r="J3" s="159"/>
      <c r="K3" s="159"/>
      <c r="L3" s="160"/>
      <c r="N3" s="155" t="s">
        <v>416</v>
      </c>
      <c r="O3" s="161" t="s">
        <v>416</v>
      </c>
      <c r="P3" s="155" t="s">
        <v>416</v>
      </c>
    </row>
    <row r="4" spans="1:16">
      <c r="I4" s="155" t="s">
        <v>556</v>
      </c>
      <c r="L4" s="420">
        <v>2021</v>
      </c>
    </row>
    <row r="5" spans="1:16">
      <c r="D5" s="162"/>
      <c r="E5" s="162"/>
      <c r="F5" s="163" t="s">
        <v>329</v>
      </c>
      <c r="G5" s="164"/>
      <c r="H5" s="164"/>
      <c r="J5" s="162"/>
      <c r="K5" s="165"/>
      <c r="L5" s="165"/>
      <c r="M5" s="166"/>
      <c r="O5" s="167"/>
    </row>
    <row r="6" spans="1:16">
      <c r="D6" s="162"/>
      <c r="E6" s="168"/>
      <c r="F6" s="163" t="s">
        <v>203</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7</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9</v>
      </c>
      <c r="C11" s="171"/>
      <c r="D11" s="165"/>
      <c r="E11" s="165"/>
      <c r="F11" s="165"/>
      <c r="G11" s="175"/>
      <c r="H11" s="165"/>
      <c r="I11" s="165"/>
      <c r="J11" s="165"/>
      <c r="K11" s="165"/>
      <c r="L11" s="171" t="s">
        <v>417</v>
      </c>
      <c r="M11" s="165"/>
    </row>
    <row r="12" spans="1:16" ht="15.75" thickBot="1">
      <c r="B12" s="177" t="s">
        <v>419</v>
      </c>
      <c r="C12" s="178"/>
      <c r="D12" s="165"/>
      <c r="E12" s="178"/>
      <c r="F12" s="165"/>
      <c r="G12" s="165"/>
      <c r="H12" s="165"/>
      <c r="I12" s="165"/>
      <c r="J12" s="165"/>
      <c r="K12" s="165"/>
      <c r="L12" s="179" t="s">
        <v>470</v>
      </c>
      <c r="M12" s="165"/>
    </row>
    <row r="13" spans="1:16">
      <c r="B13" s="170">
        <v>1</v>
      </c>
      <c r="C13" s="171"/>
      <c r="D13" s="180" t="s">
        <v>413</v>
      </c>
      <c r="E13" s="181" t="str">
        <f>"(ln "&amp;B191&amp;")"</f>
        <v>(ln 113)</v>
      </c>
      <c r="F13" s="181"/>
      <c r="G13" s="182"/>
      <c r="H13" s="183"/>
      <c r="I13" s="165"/>
      <c r="J13" s="165"/>
      <c r="K13" s="165"/>
      <c r="L13" s="184">
        <f>+L191</f>
        <v>364467051.6598807</v>
      </c>
      <c r="M13" s="165"/>
    </row>
    <row r="14" spans="1:16" ht="15.75" thickBot="1">
      <c r="B14" s="170"/>
      <c r="C14" s="171"/>
      <c r="E14" s="185"/>
      <c r="F14" s="186"/>
      <c r="G14" s="179" t="s">
        <v>420</v>
      </c>
      <c r="H14" s="168"/>
      <c r="I14" s="187" t="s">
        <v>421</v>
      </c>
      <c r="J14" s="187"/>
      <c r="K14" s="165"/>
      <c r="L14" s="182"/>
      <c r="M14" s="165"/>
    </row>
    <row r="15" spans="1:16">
      <c r="B15" s="170">
        <f>+B13+1</f>
        <v>2</v>
      </c>
      <c r="C15" s="171"/>
      <c r="D15" s="188" t="s">
        <v>468</v>
      </c>
      <c r="E15" s="185" t="str">
        <f>"(Worksheet E,  ln  "&amp;'WS E Rev Credits'!A31&amp;") (Note A) "</f>
        <v xml:space="preserve">(Worksheet E,  ln  8) (Note A) </v>
      </c>
      <c r="F15" s="186"/>
      <c r="G15" s="189">
        <f>+'WS E Rev Credits'!K31</f>
        <v>0</v>
      </c>
      <c r="H15" s="186"/>
      <c r="I15" s="190" t="s">
        <v>43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57</v>
      </c>
      <c r="E17" s="155" t="str">
        <f>"Worksheet E, ln "&amp;'WS E Rev Credits'!A33&amp;") (Note X) "</f>
        <v xml:space="preserve">Worksheet E, ln 9) (Note X) </v>
      </c>
      <c r="F17" s="168"/>
      <c r="L17" s="161">
        <f>'WS E Rev Credits'!K33</f>
        <v>0</v>
      </c>
      <c r="M17" s="165"/>
    </row>
    <row r="18" spans="2:13" ht="30.75" thickBot="1">
      <c r="B18" s="193">
        <f>+B17+1</f>
        <v>4</v>
      </c>
      <c r="C18" s="194"/>
      <c r="D18" s="195" t="s">
        <v>252</v>
      </c>
      <c r="E18" s="196" t="str">
        <f>"(ln "&amp;B13&amp;"  less ln " &amp;B15&amp;" plus ln 3)"</f>
        <v>(ln 1  less ln 2 plus ln 3)</v>
      </c>
      <c r="F18" s="165"/>
      <c r="H18" s="168"/>
      <c r="I18" s="197"/>
      <c r="J18" s="168"/>
      <c r="K18" s="168"/>
      <c r="L18" s="198">
        <f>+L13-L15+L17</f>
        <v>364467051.6598807</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34"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4"/>
      <c r="D21" s="1434"/>
      <c r="E21" s="1434"/>
      <c r="F21" s="1434"/>
      <c r="G21" s="1434"/>
      <c r="H21" s="1434"/>
      <c r="I21" s="1434"/>
    </row>
    <row r="22" spans="2:13" ht="35.25" customHeight="1">
      <c r="B22" s="1434"/>
      <c r="C22" s="1434"/>
      <c r="D22" s="1434"/>
      <c r="E22" s="1434"/>
      <c r="F22" s="1434"/>
      <c r="G22" s="1434"/>
      <c r="H22" s="1434"/>
      <c r="I22" s="1434"/>
    </row>
    <row r="23" spans="2:13" ht="15" customHeight="1">
      <c r="B23" s="200"/>
      <c r="C23" s="200"/>
      <c r="D23" s="200"/>
      <c r="E23" s="200"/>
      <c r="F23" s="200"/>
      <c r="G23" s="200"/>
      <c r="H23" s="200"/>
      <c r="I23" s="200"/>
    </row>
    <row r="24" spans="2:13">
      <c r="B24" s="170">
        <f>+B18+1</f>
        <v>5</v>
      </c>
      <c r="C24" s="194"/>
      <c r="D24" s="201" t="s">
        <v>558</v>
      </c>
      <c r="E24" s="185"/>
      <c r="F24" s="186"/>
      <c r="G24" s="1246">
        <f>+'WS J PROJECTED RTEP RR'!M26</f>
        <v>47169052.490170203</v>
      </c>
      <c r="H24" s="186"/>
      <c r="I24" s="190" t="s">
        <v>430</v>
      </c>
      <c r="J24" s="191">
        <v>1</v>
      </c>
      <c r="K24" s="181"/>
      <c r="L24" s="202">
        <f>+J24*G24</f>
        <v>47169052.490170203</v>
      </c>
      <c r="M24" s="165"/>
    </row>
    <row r="25" spans="2:13">
      <c r="B25" s="170"/>
      <c r="C25" s="194"/>
      <c r="D25" s="201"/>
      <c r="E25" s="196"/>
      <c r="F25" s="186"/>
      <c r="G25" s="203"/>
      <c r="H25" s="186"/>
      <c r="I25" s="186"/>
      <c r="J25" s="191"/>
      <c r="K25" s="181"/>
      <c r="L25" s="202"/>
      <c r="M25" s="165"/>
    </row>
    <row r="26" spans="2:13">
      <c r="B26" s="193">
        <f>+B24+1</f>
        <v>6</v>
      </c>
      <c r="C26" s="194"/>
      <c r="D26" s="201" t="s">
        <v>176</v>
      </c>
      <c r="E26" s="185"/>
      <c r="F26" s="165"/>
      <c r="G26" s="204"/>
      <c r="H26" s="165"/>
      <c r="J26" s="165"/>
      <c r="K26" s="165"/>
      <c r="M26" s="165"/>
    </row>
    <row r="27" spans="2:13">
      <c r="B27" s="170">
        <f>B26+1</f>
        <v>7</v>
      </c>
      <c r="C27" s="194"/>
      <c r="D27" s="205" t="s">
        <v>48</v>
      </c>
      <c r="E27" s="181" t="str">
        <f>"( (ln "&amp;B13&amp;"- ln "&amp;B150&amp;")/((ln "&amp;$B$79&amp;" ) x 100) )"</f>
        <v>( (ln 1- ln 80)/((ln 33 ) x 100) )</v>
      </c>
      <c r="F27" s="171"/>
      <c r="G27" s="171"/>
      <c r="H27" s="171"/>
      <c r="I27" s="206"/>
      <c r="J27" s="206"/>
      <c r="K27" s="206"/>
      <c r="L27" s="207">
        <f>IF((L79)=0,0,(L13-L150)/(L79))</f>
        <v>0.13644266803010852</v>
      </c>
      <c r="M27" s="165"/>
    </row>
    <row r="28" spans="2:13">
      <c r="B28" s="170">
        <f>B27+1</f>
        <v>8</v>
      </c>
      <c r="C28" s="194"/>
      <c r="D28" s="205" t="s">
        <v>49</v>
      </c>
      <c r="E28" s="181" t="str">
        <f>"(ln "&amp;B27&amp;" / 12)"</f>
        <v>(ln 7 / 12)</v>
      </c>
      <c r="F28" s="171"/>
      <c r="G28" s="171"/>
      <c r="H28" s="171"/>
      <c r="I28" s="206"/>
      <c r="J28" s="206"/>
      <c r="K28" s="206"/>
      <c r="L28" s="208">
        <f>L27/12</f>
        <v>1.1370222335842376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8</v>
      </c>
      <c r="E31" s="181" t="str">
        <f>"( (ln "&amp;B13&amp;"- ln "&amp;B150&amp;" - ln "&amp;B154&amp;")/((ln "&amp;$B$79&amp;") x 100) )"</f>
        <v>( (ln 1- ln 80 - ln 83)/((ln 33) x 100) )</v>
      </c>
      <c r="F31" s="171"/>
      <c r="G31" s="171"/>
      <c r="H31" s="171"/>
      <c r="I31" s="206"/>
      <c r="J31" s="206"/>
      <c r="K31" s="206"/>
      <c r="L31" s="207">
        <f>IF(L79=0,0,(L13-L150-L154)/L79)</f>
        <v>0.10870318164951323</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8</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4898862622325546E-2</v>
      </c>
      <c r="M34" s="173"/>
    </row>
    <row r="35" spans="2:13">
      <c r="B35" s="170"/>
      <c r="C35" s="194"/>
      <c r="D35" s="162"/>
      <c r="E35" s="181"/>
      <c r="F35" s="171"/>
      <c r="G35" s="171"/>
      <c r="H35" s="171"/>
      <c r="I35" s="206"/>
      <c r="J35" s="206"/>
      <c r="K35" s="206"/>
      <c r="L35" s="207"/>
      <c r="M35" s="211"/>
    </row>
    <row r="36" spans="2:13">
      <c r="B36" s="170">
        <f>B34+1</f>
        <v>13</v>
      </c>
      <c r="C36" s="171"/>
      <c r="D36" s="212" t="s">
        <v>559</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40" t="s">
        <v>215</v>
      </c>
      <c r="E39" s="1440"/>
      <c r="F39" s="1440"/>
      <c r="G39" s="1440"/>
      <c r="H39" s="1440"/>
      <c r="I39" s="1440"/>
      <c r="J39" s="1440"/>
      <c r="K39" s="1440"/>
      <c r="L39" s="1440"/>
      <c r="M39" s="165"/>
    </row>
    <row r="40" spans="2:13">
      <c r="B40" s="170"/>
      <c r="C40" s="171"/>
      <c r="E40" s="181"/>
      <c r="F40" s="171"/>
      <c r="G40" s="171"/>
      <c r="H40" s="171"/>
      <c r="I40" s="206"/>
      <c r="J40" s="206"/>
      <c r="K40" s="206"/>
      <c r="L40" s="207"/>
      <c r="M40" s="165"/>
    </row>
    <row r="41" spans="2:13">
      <c r="B41" s="170">
        <f>+B39+1</f>
        <v>15</v>
      </c>
      <c r="C41" s="171"/>
      <c r="D41" s="180" t="s">
        <v>217</v>
      </c>
      <c r="E41" s="181" t="str">
        <f>"Line "&amp;B131&amp;" Below"</f>
        <v>Line 63 Below</v>
      </c>
      <c r="F41" s="171"/>
      <c r="H41" s="171"/>
      <c r="I41" s="206"/>
      <c r="J41" s="206"/>
      <c r="K41" s="206"/>
      <c r="L41" s="213">
        <f>+G131</f>
        <v>2649000</v>
      </c>
      <c r="M41" s="165"/>
    </row>
    <row r="42" spans="2:13">
      <c r="B42" s="170">
        <f>+B41+1</f>
        <v>16</v>
      </c>
      <c r="C42" s="171"/>
      <c r="D42" s="180" t="s">
        <v>282</v>
      </c>
      <c r="E42" s="165"/>
      <c r="F42" s="171"/>
      <c r="H42" s="171"/>
      <c r="I42" s="206"/>
      <c r="J42" s="206"/>
      <c r="K42" s="206"/>
      <c r="L42" s="144">
        <f>'WS F Misc Exp'!D28</f>
        <v>0</v>
      </c>
      <c r="M42" s="165"/>
    </row>
    <row r="43" spans="2:13">
      <c r="B43" s="170">
        <f>+B42+1</f>
        <v>17</v>
      </c>
      <c r="C43" s="171"/>
      <c r="D43" s="180" t="s">
        <v>283</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6</v>
      </c>
      <c r="E45" s="183" t="str">
        <f>"(Line "&amp;B41&amp;" - Line "&amp;B42&amp;" - Line "&amp;B43&amp;")"</f>
        <v>(Line 15 - Line 16 - Line 17)</v>
      </c>
      <c r="F45" s="171"/>
      <c r="H45" s="171"/>
      <c r="I45" s="206"/>
      <c r="J45" s="206"/>
      <c r="K45" s="206"/>
      <c r="L45" s="214">
        <f>+L41-L42-L43</f>
        <v>2649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Indiana Michig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3</v>
      </c>
      <c r="E57" s="171" t="s">
        <v>424</v>
      </c>
      <c r="F57" s="171"/>
      <c r="G57" s="171" t="s">
        <v>425</v>
      </c>
      <c r="H57" s="168" t="s">
        <v>416</v>
      </c>
      <c r="I57" s="1435" t="s">
        <v>426</v>
      </c>
      <c r="J57" s="1436"/>
      <c r="K57" s="168"/>
      <c r="L57" s="172" t="s">
        <v>427</v>
      </c>
      <c r="M57" s="168"/>
    </row>
    <row r="58" spans="2:16">
      <c r="B58" s="155"/>
      <c r="D58" s="209"/>
      <c r="E58" s="209"/>
      <c r="F58" s="209"/>
      <c r="G58" s="213"/>
      <c r="H58" s="168"/>
      <c r="I58" s="168"/>
      <c r="J58" s="221"/>
      <c r="K58" s="168"/>
      <c r="M58" s="168"/>
    </row>
    <row r="59" spans="2:16" ht="15.75">
      <c r="B59" s="222"/>
      <c r="C59" s="171"/>
      <c r="D59" s="209"/>
      <c r="E59" s="223" t="s">
        <v>396</v>
      </c>
      <c r="F59" s="224"/>
      <c r="G59" s="168"/>
      <c r="H59" s="168"/>
      <c r="I59" s="168"/>
      <c r="J59" s="171"/>
      <c r="K59" s="168"/>
      <c r="L59" s="225" t="s">
        <v>420</v>
      </c>
      <c r="M59" s="168"/>
      <c r="P59" s="216"/>
    </row>
    <row r="60" spans="2:16" ht="15.75">
      <c r="B60" s="155"/>
      <c r="C60" s="178"/>
      <c r="D60" s="226" t="s">
        <v>395</v>
      </c>
      <c r="E60" s="227" t="s">
        <v>414</v>
      </c>
      <c r="F60" s="168"/>
      <c r="G60" s="226" t="s">
        <v>382</v>
      </c>
      <c r="H60" s="228"/>
      <c r="I60" s="1437" t="s">
        <v>421</v>
      </c>
      <c r="J60" s="1438"/>
      <c r="K60" s="228"/>
      <c r="L60" s="226" t="s">
        <v>417</v>
      </c>
      <c r="M60" s="168"/>
    </row>
    <row r="61" spans="2:16">
      <c r="B61" s="229" t="str">
        <f>B11</f>
        <v>Line</v>
      </c>
      <c r="C61" s="171"/>
      <c r="D61" s="162"/>
      <c r="E61" s="168"/>
      <c r="F61" s="168"/>
      <c r="G61" s="230" t="s">
        <v>156</v>
      </c>
      <c r="H61" s="168"/>
      <c r="I61" s="168"/>
      <c r="J61" s="168"/>
      <c r="K61" s="168"/>
      <c r="L61" s="168"/>
      <c r="M61" s="168"/>
    </row>
    <row r="62" spans="2:16" ht="15.75" thickBot="1">
      <c r="B62" s="177" t="str">
        <f>B12</f>
        <v>No.</v>
      </c>
      <c r="C62" s="171"/>
      <c r="D62" s="162" t="s">
        <v>383</v>
      </c>
      <c r="E62" s="231"/>
      <c r="F62" s="231"/>
      <c r="G62" s="186"/>
      <c r="H62" s="186"/>
      <c r="I62" s="190"/>
      <c r="J62" s="186"/>
      <c r="K62" s="186"/>
      <c r="L62" s="186"/>
      <c r="M62" s="168"/>
    </row>
    <row r="63" spans="2:16">
      <c r="B63" s="170">
        <f>+B45+1</f>
        <v>19</v>
      </c>
      <c r="C63" s="233"/>
      <c r="D63" s="234" t="s">
        <v>429</v>
      </c>
      <c r="E63" s="186" t="str">
        <f>"(Worksheet A ln "&amp;'WS A - Rate Base Support'!A23&amp;"."&amp;'WS A - Rate Base Support'!C8 &amp;" &amp; Ln "&amp;B207&amp;")"</f>
        <v>(Worksheet A ln 14.(d) &amp; Ln 117)</v>
      </c>
      <c r="F63" s="235"/>
      <c r="G63" s="203">
        <f>'WS A - Rate Base Support'!C23</f>
        <v>2899471000</v>
      </c>
      <c r="H63" s="203"/>
      <c r="I63" s="236" t="s">
        <v>430</v>
      </c>
      <c r="J63" s="191">
        <v>1</v>
      </c>
      <c r="K63" s="237"/>
      <c r="L63" s="238">
        <f>+L207</f>
        <v>2870798237.3976922</v>
      </c>
      <c r="M63" s="239"/>
    </row>
    <row r="64" spans="2:16">
      <c r="B64" s="170">
        <f>+B63+1</f>
        <v>20</v>
      </c>
      <c r="C64" s="233"/>
      <c r="D64" s="240" t="s">
        <v>179</v>
      </c>
      <c r="E64" s="186" t="str">
        <f>"(Worksheet A ln "&amp;'WS A - Rate Base Support'!A23&amp;"."&amp;'WS A - Rate Base Support'!D8 &amp;")"</f>
        <v>(Worksheet A ln 14.(e))</v>
      </c>
      <c r="F64" s="235"/>
      <c r="G64" s="203">
        <f>'WS A - Rate Base Support'!D23</f>
        <v>0</v>
      </c>
      <c r="H64" s="203"/>
      <c r="I64" s="236" t="s">
        <v>422</v>
      </c>
      <c r="J64" s="191">
        <f>J134</f>
        <v>0.99011103659863897</v>
      </c>
      <c r="K64" s="237"/>
      <c r="L64" s="238">
        <f>+G64*J64</f>
        <v>0</v>
      </c>
      <c r="M64" s="239"/>
    </row>
    <row r="65" spans="2:15">
      <c r="B65" s="170">
        <f>+B64+1</f>
        <v>21</v>
      </c>
      <c r="C65" s="233"/>
      <c r="D65" s="162" t="s">
        <v>431</v>
      </c>
      <c r="E65" s="186" t="str">
        <f>"(Worksheet A ln "&amp;'WS A - Rate Base Support'!A23&amp;"."&amp;'WS A - Rate Base Support'!E8 &amp;")"</f>
        <v>(Worksheet A ln 14.(h))</v>
      </c>
      <c r="F65" s="186"/>
      <c r="G65" s="203">
        <f>'WS A - Rate Base Support'!E23</f>
        <v>50059000</v>
      </c>
      <c r="H65" s="203"/>
      <c r="I65" s="190" t="s">
        <v>432</v>
      </c>
      <c r="J65" s="191">
        <f>L219</f>
        <v>0.99011103659863908</v>
      </c>
      <c r="K65" s="186"/>
      <c r="L65" s="203">
        <f>+J65*G65</f>
        <v>49563968.381091274</v>
      </c>
      <c r="M65" s="168"/>
    </row>
    <row r="66" spans="2:15">
      <c r="B66" s="170">
        <f>+B65+1</f>
        <v>22</v>
      </c>
      <c r="C66" s="233"/>
      <c r="D66" s="241" t="s">
        <v>178</v>
      </c>
      <c r="E66" s="186" t="str">
        <f>"(Worksheet A ln "&amp;'WS A - Rate Base Support'!A23&amp;"."&amp;'WS A - Rate Base Support'!F8 &amp;")"</f>
        <v>(Worksheet A ln 14.(i))</v>
      </c>
      <c r="F66" s="186"/>
      <c r="G66" s="203">
        <f>'WS A - Rate Base Support'!F23</f>
        <v>0</v>
      </c>
      <c r="H66" s="203"/>
      <c r="I66" s="190" t="s">
        <v>432</v>
      </c>
      <c r="J66" s="191">
        <f>L219</f>
        <v>0.99011103659863908</v>
      </c>
      <c r="K66" s="186"/>
      <c r="L66" s="203">
        <f>+G66*J66</f>
        <v>0</v>
      </c>
      <c r="M66" s="168"/>
    </row>
    <row r="67" spans="2:15" ht="15.75" thickBot="1">
      <c r="B67" s="170">
        <f>+B66+1</f>
        <v>23</v>
      </c>
      <c r="C67" s="233"/>
      <c r="D67" s="162" t="s">
        <v>433</v>
      </c>
      <c r="E67" s="186" t="str">
        <f>"(Worksheet A ln "&amp;'WS A - Rate Base Support'!A23&amp;"."&amp;'WS A - Rate Base Support'!G8 &amp;")"</f>
        <v>(Worksheet A ln 14.(j))</v>
      </c>
      <c r="F67" s="186"/>
      <c r="G67" s="242">
        <f>'WS A - Rate Base Support'!G23</f>
        <v>27164000</v>
      </c>
      <c r="H67" s="203"/>
      <c r="I67" s="190" t="s">
        <v>432</v>
      </c>
      <c r="J67" s="191">
        <f>L219</f>
        <v>0.99011103659863908</v>
      </c>
      <c r="K67" s="186"/>
      <c r="L67" s="242">
        <f>+J67*G67</f>
        <v>26895376.198165432</v>
      </c>
      <c r="M67" s="168"/>
      <c r="N67" s="162"/>
      <c r="O67" s="162"/>
    </row>
    <row r="68" spans="2:15" ht="15.75">
      <c r="B68" s="170">
        <f>+B67+1</f>
        <v>24</v>
      </c>
      <c r="C68" s="233"/>
      <c r="D68" s="162" t="s">
        <v>381</v>
      </c>
      <c r="E68" s="186" t="str">
        <f>"(Sum of Lines: "&amp;B63&amp;" to "&amp;B67&amp;")"</f>
        <v>(Sum of Lines: 19 to 23)</v>
      </c>
      <c r="F68" s="243"/>
      <c r="G68" s="203">
        <f>SUM(G63:G67)</f>
        <v>2976694000</v>
      </c>
      <c r="H68" s="203"/>
      <c r="I68" s="244" t="s">
        <v>764</v>
      </c>
      <c r="J68" s="245">
        <f>IF(G68=0,0,L68/G68)</f>
        <v>0.99011103659863886</v>
      </c>
      <c r="K68" s="186"/>
      <c r="L68" s="203">
        <f>SUM(L63:L67)</f>
        <v>2947257581.9769487</v>
      </c>
      <c r="M68" s="168"/>
      <c r="N68" s="162"/>
      <c r="O68" s="162"/>
    </row>
    <row r="69" spans="2:15" ht="15.75">
      <c r="B69" s="170"/>
      <c r="C69" s="171"/>
      <c r="D69" s="162"/>
      <c r="E69" s="1238"/>
      <c r="F69" s="243"/>
      <c r="G69" s="203"/>
      <c r="H69" s="203"/>
      <c r="I69" s="244" t="s">
        <v>508</v>
      </c>
      <c r="J69" s="246">
        <f>+IF(L63=0,0,L63/(G63))</f>
        <v>0.99011103659863897</v>
      </c>
      <c r="K69" s="186"/>
      <c r="L69" s="203"/>
      <c r="M69" s="168"/>
      <c r="N69" s="247"/>
      <c r="O69" s="162"/>
    </row>
    <row r="70" spans="2:15">
      <c r="B70" s="170">
        <f>+B68+1</f>
        <v>25</v>
      </c>
      <c r="C70" s="171"/>
      <c r="D70" s="162" t="s">
        <v>361</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99588000</v>
      </c>
      <c r="H71" s="203"/>
      <c r="I71" s="250" t="s">
        <v>364</v>
      </c>
      <c r="J71" s="251">
        <f>IF(G71=0,1,L71/G71)</f>
        <v>1</v>
      </c>
      <c r="K71" s="237"/>
      <c r="L71" s="203">
        <f>'WS A - Rate Base Support'!C64</f>
        <v>199588000</v>
      </c>
      <c r="M71" s="239"/>
      <c r="N71" s="168"/>
      <c r="O71" s="168"/>
    </row>
    <row r="72" spans="2:15" ht="15.75">
      <c r="B72" s="170">
        <f t="shared" si="0"/>
        <v>27</v>
      </c>
      <c r="C72" s="233"/>
      <c r="D72" s="241" t="s">
        <v>179</v>
      </c>
      <c r="E72" s="186" t="str">
        <f>"(Worksheet A ln "&amp;'WS A - Rate Base Support'!A42&amp;"."&amp;'WS A - Rate Base Support'!D27 &amp;")"</f>
        <v>(Worksheet A ln 28.(e))</v>
      </c>
      <c r="F72" s="235"/>
      <c r="G72" s="203">
        <f>'WS A - Rate Base Support'!D42</f>
        <v>0</v>
      </c>
      <c r="H72" s="203"/>
      <c r="I72" s="250" t="s">
        <v>364</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847000</v>
      </c>
      <c r="H73" s="203"/>
      <c r="I73" s="190" t="s">
        <v>432</v>
      </c>
      <c r="J73" s="191">
        <f>L219</f>
        <v>0.99011103659863908</v>
      </c>
      <c r="K73" s="186"/>
      <c r="L73" s="203">
        <f>+J73*G73</f>
        <v>838624.04799904732</v>
      </c>
      <c r="M73" s="168"/>
      <c r="N73" s="168"/>
      <c r="O73" s="168"/>
    </row>
    <row r="74" spans="2:15">
      <c r="B74" s="170">
        <f t="shared" si="0"/>
        <v>29</v>
      </c>
      <c r="C74" s="252"/>
      <c r="D74" s="241" t="s">
        <v>178</v>
      </c>
      <c r="E74" s="186" t="str">
        <f>"(Worksheet A ln "&amp;'WS A - Rate Base Support'!A42&amp;"."&amp;'WS A - Rate Base Support'!F27 &amp;")"</f>
        <v>(Worksheet A ln 28.(i))</v>
      </c>
      <c r="F74" s="186"/>
      <c r="G74" s="203">
        <f>'WS A - Rate Base Support'!F42</f>
        <v>0</v>
      </c>
      <c r="H74" s="203"/>
      <c r="I74" s="190" t="s">
        <v>432</v>
      </c>
      <c r="J74" s="191">
        <f>L219</f>
        <v>0.99011103659863908</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12058000</v>
      </c>
      <c r="H75" s="203"/>
      <c r="I75" s="190" t="s">
        <v>432</v>
      </c>
      <c r="J75" s="191">
        <f>L219</f>
        <v>0.99011103659863908</v>
      </c>
      <c r="K75" s="186"/>
      <c r="L75" s="1160">
        <f>+J75*G75</f>
        <v>11938758.879306391</v>
      </c>
      <c r="M75" s="186"/>
      <c r="N75" s="168"/>
      <c r="O75" s="168"/>
    </row>
    <row r="76" spans="2:15">
      <c r="B76" s="170">
        <f t="shared" si="0"/>
        <v>31</v>
      </c>
      <c r="C76" s="252"/>
      <c r="D76" s="205" t="s">
        <v>380</v>
      </c>
      <c r="E76" s="186" t="str">
        <f>"(Sum of Lines: "&amp;B71&amp;" to "&amp;B75&amp;")"</f>
        <v>(Sum of Lines: 26 to 30)</v>
      </c>
      <c r="F76" s="253"/>
      <c r="G76" s="203">
        <f>SUM(G71:G75)</f>
        <v>212493000</v>
      </c>
      <c r="H76" s="203"/>
      <c r="I76" s="190"/>
      <c r="J76" s="186"/>
      <c r="K76" s="203"/>
      <c r="L76" s="203">
        <f>SUM(L71:L75)</f>
        <v>212365382.92730546</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8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2699883000</v>
      </c>
      <c r="H79" s="203"/>
      <c r="I79" s="190"/>
      <c r="J79" s="251"/>
      <c r="K79" s="186"/>
      <c r="L79" s="203">
        <f>+L63+L64-L71-L72</f>
        <v>2671210237.3976922</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49212000</v>
      </c>
      <c r="H80" s="203"/>
      <c r="I80" s="190"/>
      <c r="J80" s="255"/>
      <c r="K80" s="186"/>
      <c r="L80" s="203">
        <f>+L65+L66-L73-L74</f>
        <v>48725344.333092228</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5106000</v>
      </c>
      <c r="H81" s="203"/>
      <c r="I81" s="190"/>
      <c r="J81" s="255"/>
      <c r="K81" s="186"/>
      <c r="L81" s="242">
        <f>+L67-L75</f>
        <v>14956617.318859041</v>
      </c>
      <c r="M81" s="168"/>
      <c r="N81" s="168"/>
      <c r="O81" s="168"/>
    </row>
    <row r="82" spans="2:15" ht="15.75">
      <c r="B82" s="170">
        <f>+B81+1</f>
        <v>36</v>
      </c>
      <c r="C82" s="233"/>
      <c r="D82" s="241" t="s">
        <v>379</v>
      </c>
      <c r="E82" s="186" t="str">
        <f>"(Sum of Lines: "&amp;B79&amp;" to "&amp;B81&amp;")"</f>
        <v>(Sum of Lines: 33 to 35)</v>
      </c>
      <c r="F82" s="186"/>
      <c r="G82" s="203">
        <f>SUM(G79:G81)</f>
        <v>2764201000</v>
      </c>
      <c r="H82" s="203"/>
      <c r="I82" s="259" t="s">
        <v>765</v>
      </c>
      <c r="J82" s="245">
        <f>IF(G82=0,0,+L82/G82)</f>
        <v>0.98939700805029862</v>
      </c>
      <c r="K82" s="186"/>
      <c r="L82" s="203">
        <f>SUM(L79:L81)</f>
        <v>2734892199.0496435</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9</v>
      </c>
      <c r="E85" s="186" t="s">
        <v>106</v>
      </c>
      <c r="F85" s="190"/>
      <c r="G85" s="209"/>
      <c r="H85" s="209"/>
      <c r="I85" s="209"/>
      <c r="J85" s="209"/>
      <c r="K85" s="209"/>
      <c r="L85" s="209"/>
      <c r="M85" s="173"/>
      <c r="N85" s="168"/>
      <c r="O85" s="168"/>
    </row>
    <row r="86" spans="2:15">
      <c r="B86" s="170">
        <f t="shared" ref="B86:B91" si="1">+B85+1</f>
        <v>38</v>
      </c>
      <c r="C86" s="233"/>
      <c r="D86" s="240" t="s">
        <v>485</v>
      </c>
      <c r="E86" s="186" t="str">
        <f>"(Worksheet B, ln "&amp;'WS B ADIT &amp; ITC'!A17&amp;" &amp; ln "&amp;'WS B ADIT &amp; ITC'!A20&amp;".E)"</f>
        <v>(Worksheet B, ln 2 &amp; ln 5.E)</v>
      </c>
      <c r="F86" s="186"/>
      <c r="G86" s="203">
        <f>'WS B ADIT &amp; ITC'!I17</f>
        <v>0</v>
      </c>
      <c r="H86" s="203"/>
      <c r="I86" s="190" t="s">
        <v>428</v>
      </c>
      <c r="J86" s="191"/>
      <c r="K86" s="186"/>
      <c r="L86" s="203">
        <f>'WS B ADIT &amp; ITC'!I20</f>
        <v>0</v>
      </c>
      <c r="M86" s="168"/>
      <c r="N86" s="168"/>
      <c r="O86" s="168"/>
    </row>
    <row r="87" spans="2:15">
      <c r="B87" s="170">
        <f t="shared" si="1"/>
        <v>39</v>
      </c>
      <c r="C87" s="233"/>
      <c r="D87" s="240" t="s">
        <v>486</v>
      </c>
      <c r="E87" s="186" t="str">
        <f>"(Worksheet B, ln "&amp;'WS B ADIT &amp; ITC'!A25&amp;" &amp; ln "&amp;'WS B ADIT &amp; ITC'!A28&amp;".E)"</f>
        <v>(Worksheet B, ln 7 &amp; ln 10.E)</v>
      </c>
      <c r="F87" s="186"/>
      <c r="G87" s="203">
        <f>-'WS B ADIT &amp; ITC'!I25</f>
        <v>-341156500</v>
      </c>
      <c r="H87" s="203"/>
      <c r="I87" s="190" t="s">
        <v>430</v>
      </c>
      <c r="J87" s="191"/>
      <c r="K87" s="186"/>
      <c r="L87" s="203">
        <f>-'WS B ADIT &amp; ITC'!I28</f>
        <v>-333231000</v>
      </c>
      <c r="M87" s="168"/>
      <c r="N87" s="168"/>
      <c r="O87" s="168"/>
    </row>
    <row r="88" spans="2:15">
      <c r="B88" s="170">
        <f t="shared" si="1"/>
        <v>40</v>
      </c>
      <c r="C88" s="233"/>
      <c r="D88" s="240" t="s">
        <v>487</v>
      </c>
      <c r="E88" s="186" t="str">
        <f>"(Worksheet B, ln "&amp;'WS B ADIT &amp; ITC'!A33&amp;" &amp; ln "&amp;'WS B ADIT &amp; ITC'!A36&amp;".E)"</f>
        <v>(Worksheet B, ln 12 &amp; ln 15.E)</v>
      </c>
      <c r="F88" s="186"/>
      <c r="G88" s="203">
        <f>-'WS B ADIT &amp; ITC'!I33</f>
        <v>-23358500</v>
      </c>
      <c r="H88" s="203"/>
      <c r="I88" s="190" t="s">
        <v>430</v>
      </c>
      <c r="J88" s="191"/>
      <c r="K88" s="186"/>
      <c r="L88" s="203">
        <f>-'WS B ADIT &amp; ITC'!I36</f>
        <v>-23358500</v>
      </c>
      <c r="M88" s="168"/>
      <c r="N88" s="168"/>
      <c r="O88" s="168"/>
    </row>
    <row r="89" spans="2:15">
      <c r="B89" s="170">
        <f t="shared" si="1"/>
        <v>41</v>
      </c>
      <c r="C89" s="233"/>
      <c r="D89" s="240" t="s">
        <v>488</v>
      </c>
      <c r="E89" s="186" t="str">
        <f>"(Worksheet B, ln "&amp;'WS B ADIT &amp; ITC'!A41&amp;" &amp; ln "&amp;'WS B ADIT &amp; ITC'!A44&amp;".E)"</f>
        <v>(Worksheet B, ln 17 &amp; ln 20.E)</v>
      </c>
      <c r="F89" s="186"/>
      <c r="G89" s="203">
        <f>'WS B ADIT &amp; ITC'!I41</f>
        <v>10679000</v>
      </c>
      <c r="H89" s="203"/>
      <c r="I89" s="190" t="s">
        <v>430</v>
      </c>
      <c r="J89" s="191"/>
      <c r="K89" s="186"/>
      <c r="L89" s="203">
        <f>'WS B ADIT &amp; ITC'!I44</f>
        <v>10679000</v>
      </c>
      <c r="M89" s="168"/>
      <c r="N89" s="168"/>
      <c r="O89" s="168"/>
    </row>
    <row r="90" spans="2:15" ht="15.75" thickBot="1">
      <c r="B90" s="170">
        <f t="shared" si="1"/>
        <v>42</v>
      </c>
      <c r="C90" s="233"/>
      <c r="D90" s="261" t="s">
        <v>434</v>
      </c>
      <c r="E90" s="186" t="str">
        <f>"(Worksheet B, ln "&amp;'WS B ADIT &amp; ITC'!A51&amp;" &amp; ln "&amp;'WS B ADIT &amp; ITC'!A52&amp;".E)"</f>
        <v>(Worksheet B, ln 24 &amp; ln 25.E)</v>
      </c>
      <c r="F90" s="160"/>
      <c r="G90" s="242">
        <f>-'WS B ADIT &amp; ITC'!I51</f>
        <v>0</v>
      </c>
      <c r="H90" s="203"/>
      <c r="I90" s="190" t="s">
        <v>430</v>
      </c>
      <c r="J90" s="191"/>
      <c r="K90" s="186"/>
      <c r="L90" s="242">
        <f>-'WS B ADIT &amp; ITC'!I52</f>
        <v>0</v>
      </c>
      <c r="M90" s="262"/>
      <c r="N90" s="168"/>
      <c r="O90" s="168"/>
    </row>
    <row r="91" spans="2:15">
      <c r="B91" s="170">
        <f t="shared" si="1"/>
        <v>43</v>
      </c>
      <c r="C91" s="233"/>
      <c r="D91" s="241" t="s">
        <v>393</v>
      </c>
      <c r="E91" s="241" t="str">
        <f>"(sum lns "&amp;B86&amp;" to "&amp;B90&amp;")"</f>
        <v>(sum lns 38 to 42)</v>
      </c>
      <c r="F91" s="186"/>
      <c r="G91" s="203">
        <f>SUM(G86:G90)</f>
        <v>-353836000</v>
      </c>
      <c r="H91" s="263"/>
      <c r="I91" s="190"/>
      <c r="J91" s="210"/>
      <c r="K91" s="186"/>
      <c r="L91" s="203">
        <f>SUM(L86:L90)</f>
        <v>-345910500</v>
      </c>
      <c r="M91" s="168"/>
      <c r="N91" s="264"/>
    </row>
    <row r="92" spans="2:15">
      <c r="B92" s="170"/>
      <c r="C92" s="171"/>
      <c r="D92" s="241"/>
      <c r="E92" s="186"/>
      <c r="F92" s="186"/>
      <c r="G92" s="203"/>
      <c r="H92" s="263"/>
      <c r="I92" s="190"/>
      <c r="J92" s="255"/>
      <c r="K92" s="186"/>
      <c r="L92" s="203"/>
      <c r="M92" s="168"/>
    </row>
    <row r="93" spans="2:15">
      <c r="B93" s="170">
        <f>+B91+1</f>
        <v>44</v>
      </c>
      <c r="C93" s="171"/>
      <c r="D93" s="241" t="s">
        <v>49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3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30</v>
      </c>
      <c r="E95" s="186" t="str">
        <f>"(Worksheet A ln "&amp;'WS A - Rate Base Support'!A80&amp;"."&amp;'WS A - Rate Base Support'!F68 &amp;")"</f>
        <v>(Worksheet A ln 51.(e))</v>
      </c>
      <c r="F95" s="186"/>
      <c r="G95" s="203">
        <f>'WS A - Rate Base Support'!F80</f>
        <v>0</v>
      </c>
      <c r="H95" s="263"/>
      <c r="I95" s="190" t="s">
        <v>43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9</v>
      </c>
      <c r="E97" s="186" t="s">
        <v>640</v>
      </c>
      <c r="F97" s="186"/>
      <c r="G97" s="189">
        <f>'WS A - Rate Base Support'!F87</f>
        <v>0</v>
      </c>
      <c r="H97" s="203"/>
      <c r="I97" s="190" t="s">
        <v>432</v>
      </c>
      <c r="J97" s="191">
        <f>L219</f>
        <v>0.99011103659863908</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94</v>
      </c>
      <c r="E99" s="186" t="s">
        <v>294</v>
      </c>
      <c r="F99" s="186"/>
      <c r="G99" s="203"/>
      <c r="H99" s="263"/>
      <c r="I99" s="190"/>
      <c r="J99" s="186"/>
      <c r="K99" s="186"/>
      <c r="L99" s="203"/>
      <c r="M99" s="168"/>
    </row>
    <row r="100" spans="2:14">
      <c r="B100" s="170">
        <f t="shared" ref="B100:B108" si="2">+B99+1</f>
        <v>48</v>
      </c>
      <c r="C100" s="233"/>
      <c r="D100" s="241" t="s">
        <v>496</v>
      </c>
      <c r="E100" s="160" t="str">
        <f>"(1/8 * ln "&amp;B134&amp;")"</f>
        <v>(1/8 * ln 66)</v>
      </c>
      <c r="F100" s="160"/>
      <c r="G100" s="203">
        <f>+G134/8</f>
        <v>2863625</v>
      </c>
      <c r="H100" s="186"/>
      <c r="I100" s="190"/>
      <c r="J100" s="255"/>
      <c r="K100" s="186"/>
      <c r="L100" s="203">
        <f>+L134/8</f>
        <v>2835306.7171797776</v>
      </c>
      <c r="M100" s="165"/>
    </row>
    <row r="101" spans="2:14">
      <c r="B101" s="170">
        <f t="shared" si="2"/>
        <v>49</v>
      </c>
      <c r="C101" s="252"/>
      <c r="D101" s="241" t="s">
        <v>137</v>
      </c>
      <c r="E101" s="186" t="str">
        <f>"(Worksheet C, ln "&amp;'WS C  - Working Capital'!A17&amp;".(F))"</f>
        <v>(Worksheet C, ln 2.(F))</v>
      </c>
      <c r="F101" s="186"/>
      <c r="G101" s="203">
        <f>'WS C  - Working Capital'!I17</f>
        <v>3000</v>
      </c>
      <c r="H101" s="209"/>
      <c r="I101" s="197" t="s">
        <v>422</v>
      </c>
      <c r="J101" s="191">
        <f>J134</f>
        <v>0.99011103659863897</v>
      </c>
      <c r="K101" s="168"/>
      <c r="L101" s="257">
        <f>+J101*G101</f>
        <v>2970.3331097959167</v>
      </c>
      <c r="M101" s="186"/>
    </row>
    <row r="102" spans="2:14">
      <c r="B102" s="170">
        <f t="shared" si="2"/>
        <v>50</v>
      </c>
      <c r="C102" s="252"/>
      <c r="D102" s="241" t="s">
        <v>138</v>
      </c>
      <c r="E102" s="186" t="str">
        <f>"(Worksheet C, ln "&amp;'WS C  - Working Capital'!A19&amp;".(F))"</f>
        <v>(Worksheet C, ln 3.(F))</v>
      </c>
      <c r="F102" s="186"/>
      <c r="G102" s="203">
        <f>'WS C  - Working Capital'!I19</f>
        <v>0</v>
      </c>
      <c r="H102" s="209"/>
      <c r="I102" s="197" t="s">
        <v>432</v>
      </c>
      <c r="J102" s="191">
        <f>L219</f>
        <v>0.99011103659863908</v>
      </c>
      <c r="K102" s="168"/>
      <c r="L102" s="257">
        <f>+J102*G102</f>
        <v>0</v>
      </c>
      <c r="M102" s="186"/>
    </row>
    <row r="103" spans="2:14">
      <c r="B103" s="170">
        <f t="shared" si="2"/>
        <v>51</v>
      </c>
      <c r="C103" s="252"/>
      <c r="D103" s="241" t="s">
        <v>326</v>
      </c>
      <c r="E103" s="186" t="str">
        <f>"(Worksheet C, ln "&amp;'WS C  - Working Capital'!A21&amp;".(F))"</f>
        <v>(Worksheet C, ln 4.(F))</v>
      </c>
      <c r="F103" s="186"/>
      <c r="G103" s="203">
        <f>'WS C  - Working Capital'!I21</f>
        <v>0</v>
      </c>
      <c r="H103" s="209"/>
      <c r="I103" s="197" t="s">
        <v>766</v>
      </c>
      <c r="J103" s="191">
        <f>J68</f>
        <v>0.99011103659863886</v>
      </c>
      <c r="K103" s="168"/>
      <c r="L103" s="257">
        <f>+J103*G103</f>
        <v>0</v>
      </c>
      <c r="M103" s="186"/>
    </row>
    <row r="104" spans="2:14">
      <c r="B104" s="170">
        <f t="shared" si="2"/>
        <v>52</v>
      </c>
      <c r="C104" s="252"/>
      <c r="D104" s="240" t="s">
        <v>500</v>
      </c>
      <c r="E104" s="186" t="str">
        <f>"(Worksheet C, ln "&amp;'WS C  - Working Capital'!A31&amp;".(G))"</f>
        <v>(Worksheet C, ln 8.(G))</v>
      </c>
      <c r="F104" s="186"/>
      <c r="G104" s="203">
        <f>'WS C  - Working Capital'!J31</f>
        <v>0</v>
      </c>
      <c r="H104" s="263"/>
      <c r="I104" s="190" t="s">
        <v>432</v>
      </c>
      <c r="J104" s="191">
        <f>L219</f>
        <v>0.99011103659863908</v>
      </c>
      <c r="K104" s="186"/>
      <c r="L104" s="203">
        <f>+J104*G104</f>
        <v>0</v>
      </c>
      <c r="M104" s="186"/>
    </row>
    <row r="105" spans="2:14">
      <c r="B105" s="170">
        <f t="shared" si="2"/>
        <v>53</v>
      </c>
      <c r="C105" s="233"/>
      <c r="D105" s="241" t="s">
        <v>501</v>
      </c>
      <c r="E105" s="186" t="str">
        <f>"(Worksheet C, ln "&amp;'WS C  - Working Capital'!A31&amp;".(F))"</f>
        <v>(Worksheet C, ln 8.(F))</v>
      </c>
      <c r="F105" s="186"/>
      <c r="G105" s="203">
        <f>'WS C  - Working Capital'!I31</f>
        <v>829000</v>
      </c>
      <c r="H105" s="263"/>
      <c r="I105" s="190" t="s">
        <v>766</v>
      </c>
      <c r="J105" s="191">
        <f>J68</f>
        <v>0.99011103659863886</v>
      </c>
      <c r="K105" s="186"/>
      <c r="L105" s="203">
        <f>+G105*J105</f>
        <v>820802.04934027162</v>
      </c>
      <c r="M105" s="186"/>
    </row>
    <row r="106" spans="2:14">
      <c r="B106" s="170">
        <f t="shared" si="2"/>
        <v>54</v>
      </c>
      <c r="C106" s="233"/>
      <c r="D106" s="241" t="s">
        <v>109</v>
      </c>
      <c r="E106" s="186" t="str">
        <f>"(Worksheet C, ln "&amp;'WS C  - Working Capital'!A31&amp;".(E))"</f>
        <v>(Worksheet C, ln 8.(E))</v>
      </c>
      <c r="F106" s="186"/>
      <c r="G106" s="203">
        <f>'WS C  - Working Capital'!G31</f>
        <v>0</v>
      </c>
      <c r="H106" s="263"/>
      <c r="I106" s="190" t="s">
        <v>430</v>
      </c>
      <c r="J106" s="191">
        <v>1</v>
      </c>
      <c r="K106" s="186"/>
      <c r="L106" s="203">
        <f>+G106</f>
        <v>0</v>
      </c>
      <c r="M106" s="186"/>
    </row>
    <row r="107" spans="2:14" ht="15.75" thickBot="1">
      <c r="B107" s="170">
        <f t="shared" si="2"/>
        <v>55</v>
      </c>
      <c r="C107" s="233"/>
      <c r="D107" s="241" t="s">
        <v>406</v>
      </c>
      <c r="E107" s="186" t="str">
        <f>"(Worksheet C, ln "&amp;'WS C  - Working Capital'!A31&amp;".(D))"</f>
        <v>(Worksheet C, ln 8.(D))</v>
      </c>
      <c r="F107" s="186"/>
      <c r="G107" s="242">
        <f>'WS C  - Working Capital'!E31</f>
        <v>0</v>
      </c>
      <c r="H107" s="203"/>
      <c r="I107" s="190" t="s">
        <v>428</v>
      </c>
      <c r="J107" s="191">
        <v>0</v>
      </c>
      <c r="K107" s="186"/>
      <c r="L107" s="242">
        <f>+G107*J107</f>
        <v>0</v>
      </c>
      <c r="M107" s="186"/>
    </row>
    <row r="108" spans="2:14">
      <c r="B108" s="170">
        <f t="shared" si="2"/>
        <v>56</v>
      </c>
      <c r="C108" s="233"/>
      <c r="D108" s="241" t="s">
        <v>378</v>
      </c>
      <c r="E108" s="241" t="str">
        <f>"(sum lns "&amp;B100&amp;" to "&amp;B107&amp;")"</f>
        <v>(sum lns 48 to 55)</v>
      </c>
      <c r="F108" s="181"/>
      <c r="G108" s="203">
        <f>SUM(G100:G107)</f>
        <v>3695625</v>
      </c>
      <c r="H108" s="181"/>
      <c r="I108" s="194"/>
      <c r="J108" s="181"/>
      <c r="K108" s="181"/>
      <c r="L108" s="203">
        <f>SUM(L100:L107)</f>
        <v>3659079.0996298455</v>
      </c>
      <c r="M108" s="165"/>
    </row>
    <row r="109" spans="2:14">
      <c r="B109" s="170"/>
      <c r="C109" s="171"/>
      <c r="D109" s="241"/>
      <c r="E109" s="165"/>
      <c r="F109" s="165"/>
      <c r="G109" s="257"/>
      <c r="H109" s="165"/>
      <c r="I109" s="171"/>
      <c r="J109" s="165"/>
      <c r="K109" s="165"/>
      <c r="L109" s="257"/>
      <c r="M109" s="165"/>
    </row>
    <row r="110" spans="2:14">
      <c r="B110" s="170">
        <f>+B108+1</f>
        <v>57</v>
      </c>
      <c r="C110" s="171"/>
      <c r="D110" s="240" t="s">
        <v>366</v>
      </c>
      <c r="E110" s="162" t="str">
        <f>"(Note F) (Worksheet D, ln "&amp;'WS D IPP Credits'!A23&amp;".B)"</f>
        <v>(Note F) (Worksheet D, ln 8.B)</v>
      </c>
      <c r="F110" s="165"/>
      <c r="G110" s="257">
        <f>+'WS D IPP Credits'!C21</f>
        <v>0</v>
      </c>
      <c r="H110" s="165"/>
      <c r="I110" s="265" t="s">
        <v>43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2414060625</v>
      </c>
      <c r="H112" s="168"/>
      <c r="I112" s="168"/>
      <c r="J112" s="268"/>
      <c r="K112" s="168"/>
      <c r="L112" s="267">
        <f>+L108+L93+L91+L82+L110+L95+L97</f>
        <v>2392640778.1492734</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Indiana Michig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23</v>
      </c>
      <c r="E121" s="171" t="s">
        <v>424</v>
      </c>
      <c r="F121" s="171"/>
      <c r="G121" s="171" t="s">
        <v>425</v>
      </c>
      <c r="H121" s="186"/>
      <c r="I121" s="1435" t="s">
        <v>426</v>
      </c>
      <c r="J121" s="1439"/>
      <c r="K121" s="168"/>
      <c r="L121" s="172" t="s">
        <v>42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02</v>
      </c>
      <c r="E123" s="223" t="str">
        <f>E59</f>
        <v>Data Sources</v>
      </c>
      <c r="F123" s="224"/>
      <c r="G123" s="168"/>
      <c r="H123" s="186"/>
      <c r="I123" s="168"/>
      <c r="J123" s="171"/>
      <c r="K123" s="168"/>
      <c r="L123" s="223" t="str">
        <f>L59</f>
        <v>Total</v>
      </c>
      <c r="N123" s="274"/>
      <c r="O123" s="275"/>
    </row>
    <row r="124" spans="2:15" ht="15.75">
      <c r="B124" s="269"/>
      <c r="C124" s="178"/>
      <c r="D124" s="226" t="s">
        <v>403</v>
      </c>
      <c r="E124" s="276" t="str">
        <f>E60</f>
        <v>(See "General Notes")</v>
      </c>
      <c r="F124" s="168"/>
      <c r="G124" s="276" t="str">
        <f>G60</f>
        <v>TO Total</v>
      </c>
      <c r="H124" s="277"/>
      <c r="I124" s="1437" t="str">
        <f>I60</f>
        <v>Allocator</v>
      </c>
      <c r="J124" s="1438"/>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04</v>
      </c>
      <c r="E126" s="168"/>
      <c r="F126" s="168"/>
      <c r="G126" s="168"/>
      <c r="H126" s="186"/>
      <c r="I126" s="197"/>
      <c r="J126" s="168"/>
      <c r="K126" s="168"/>
      <c r="L126" s="168"/>
      <c r="M126" s="168"/>
    </row>
    <row r="127" spans="2:15">
      <c r="B127" s="170">
        <f>+B112+1</f>
        <v>59</v>
      </c>
      <c r="C127" s="171"/>
      <c r="D127" s="205" t="s">
        <v>32</v>
      </c>
      <c r="E127" s="168" t="s">
        <v>494</v>
      </c>
      <c r="F127" s="186"/>
      <c r="G127" s="143">
        <v>0</v>
      </c>
      <c r="H127" s="186"/>
      <c r="I127" s="190"/>
      <c r="J127" s="191"/>
      <c r="K127" s="186"/>
      <c r="L127" s="203"/>
      <c r="M127" s="168"/>
    </row>
    <row r="128" spans="2:15">
      <c r="B128" s="170">
        <f t="shared" ref="B128:B134" si="3">+B127+1</f>
        <v>60</v>
      </c>
      <c r="C128" s="171"/>
      <c r="D128" s="205" t="s">
        <v>45</v>
      </c>
      <c r="E128" s="168" t="s">
        <v>206</v>
      </c>
      <c r="F128" s="186"/>
      <c r="G128" s="143">
        <v>0</v>
      </c>
      <c r="H128" s="186"/>
      <c r="I128" s="190"/>
      <c r="J128" s="191"/>
      <c r="K128" s="186"/>
      <c r="L128" s="203"/>
      <c r="M128" s="168"/>
    </row>
    <row r="129" spans="2:15" ht="15.75" thickBot="1">
      <c r="B129" s="170">
        <f t="shared" si="3"/>
        <v>61</v>
      </c>
      <c r="C129" s="171"/>
      <c r="D129" s="205" t="s">
        <v>435</v>
      </c>
      <c r="E129" s="168" t="s">
        <v>205</v>
      </c>
      <c r="F129" s="186"/>
      <c r="G129" s="141">
        <v>25558000</v>
      </c>
      <c r="H129" s="280"/>
      <c r="I129" s="209"/>
      <c r="J129" s="209"/>
      <c r="K129" s="173"/>
      <c r="L129" s="173"/>
      <c r="M129" s="165"/>
      <c r="N129" s="168"/>
      <c r="O129" s="168"/>
    </row>
    <row r="130" spans="2:15">
      <c r="B130" s="170">
        <f t="shared" si="3"/>
        <v>62</v>
      </c>
      <c r="C130" s="171"/>
      <c r="D130" s="205" t="s">
        <v>46</v>
      </c>
      <c r="E130" s="186" t="str">
        <f>"(sum lns "&amp;B127&amp;"  to "&amp;B129&amp;")"</f>
        <v>(sum lns 59  to 61)</v>
      </c>
      <c r="F130" s="186"/>
      <c r="G130" s="203">
        <f>SUM(G127:G129)</f>
        <v>25558000</v>
      </c>
      <c r="H130" s="203"/>
      <c r="I130" s="209"/>
      <c r="J130" s="209"/>
      <c r="K130" s="173"/>
      <c r="L130" s="173"/>
      <c r="M130" s="165"/>
      <c r="N130" s="168"/>
      <c r="O130" s="168"/>
    </row>
    <row r="131" spans="2:15">
      <c r="B131" s="170">
        <f t="shared" si="3"/>
        <v>63</v>
      </c>
      <c r="C131" s="171"/>
      <c r="D131" s="205" t="s">
        <v>131</v>
      </c>
      <c r="E131" s="186" t="str">
        <f>"(Note G) (Worksheet F, ln "&amp;'WS F Misc Exp'!A33&amp;".C)"</f>
        <v>(Note G) (Worksheet F, ln 14.C)</v>
      </c>
      <c r="F131" s="186"/>
      <c r="G131" s="203">
        <f>+'WS F Misc Exp'!D33</f>
        <v>2649000</v>
      </c>
      <c r="H131" s="203"/>
      <c r="I131" s="209"/>
      <c r="J131" s="209"/>
      <c r="K131" s="173"/>
      <c r="L131" s="173"/>
      <c r="M131" s="165"/>
      <c r="N131" s="168"/>
      <c r="O131" s="168"/>
    </row>
    <row r="132" spans="2:15">
      <c r="B132" s="170">
        <f t="shared" si="3"/>
        <v>64</v>
      </c>
      <c r="C132" s="171"/>
      <c r="D132" s="205" t="s">
        <v>360</v>
      </c>
      <c r="E132" s="186" t="s">
        <v>401</v>
      </c>
      <c r="F132" s="186"/>
      <c r="G132" s="145"/>
      <c r="H132" s="203"/>
      <c r="I132" s="209"/>
      <c r="J132" s="209"/>
      <c r="K132" s="173"/>
      <c r="L132" s="173"/>
      <c r="M132" s="165"/>
      <c r="N132" s="168"/>
      <c r="O132" s="168"/>
    </row>
    <row r="133" spans="2:15" ht="15.75" thickBot="1">
      <c r="B133" s="170">
        <f t="shared" si="3"/>
        <v>65</v>
      </c>
      <c r="C133" s="194"/>
      <c r="D133" s="205" t="s">
        <v>135</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02</v>
      </c>
      <c r="E134" s="168" t="str">
        <f>"(lns "&amp;B129&amp;" - "&amp;B131&amp;" - "&amp;B132&amp;" - "&amp;B133&amp;")"</f>
        <v>(lns 61 - 63 - 64 - 65)</v>
      </c>
      <c r="F134" s="205"/>
      <c r="G134" s="203">
        <f>G129-G131-G132-G133</f>
        <v>22909000</v>
      </c>
      <c r="H134" s="186"/>
      <c r="I134" s="197" t="s">
        <v>422</v>
      </c>
      <c r="J134" s="191">
        <f>L209</f>
        <v>0.99011103659863897</v>
      </c>
      <c r="K134" s="186"/>
      <c r="L134" s="203">
        <f>+J134*G134</f>
        <v>22682453.737438221</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05</v>
      </c>
      <c r="E136" s="186" t="s">
        <v>763</v>
      </c>
      <c r="F136" s="168"/>
      <c r="G136" s="145">
        <v>10177000</v>
      </c>
      <c r="H136" s="280" t="s">
        <v>416</v>
      </c>
      <c r="I136" s="258"/>
      <c r="J136" s="258"/>
      <c r="K136" s="168"/>
      <c r="L136" s="257"/>
      <c r="M136" s="168"/>
      <c r="N136" s="168"/>
      <c r="O136" s="168"/>
    </row>
    <row r="137" spans="2:15">
      <c r="B137" s="170">
        <f t="shared" ref="B137:B143" si="4">+B136+1</f>
        <v>68</v>
      </c>
      <c r="C137" s="171"/>
      <c r="D137" s="205" t="s">
        <v>133</v>
      </c>
      <c r="E137" s="168" t="s">
        <v>207</v>
      </c>
      <c r="F137" s="168"/>
      <c r="G137" s="145">
        <v>789000</v>
      </c>
      <c r="H137" s="203"/>
      <c r="I137" s="258"/>
      <c r="J137" s="162"/>
      <c r="K137" s="168"/>
      <c r="L137" s="257"/>
      <c r="M137" s="173"/>
      <c r="N137" s="168"/>
      <c r="O137" s="168"/>
    </row>
    <row r="138" spans="2:15">
      <c r="B138" s="170">
        <f t="shared" si="4"/>
        <v>69</v>
      </c>
      <c r="C138" s="171"/>
      <c r="D138" s="162" t="s">
        <v>132</v>
      </c>
      <c r="E138" s="168" t="s">
        <v>397</v>
      </c>
      <c r="F138" s="186"/>
      <c r="G138" s="145">
        <f>'WS F Misc Exp'!D44</f>
        <v>0</v>
      </c>
      <c r="H138" s="203"/>
      <c r="I138" s="258"/>
      <c r="J138" s="282"/>
      <c r="K138" s="168"/>
      <c r="L138" s="257"/>
      <c r="M138" s="168"/>
      <c r="N138" s="168"/>
      <c r="O138" s="168"/>
    </row>
    <row r="139" spans="2:15">
      <c r="B139" s="170">
        <f t="shared" si="4"/>
        <v>70</v>
      </c>
      <c r="C139" s="171"/>
      <c r="D139" s="205" t="s">
        <v>409</v>
      </c>
      <c r="E139" s="168" t="s">
        <v>398</v>
      </c>
      <c r="F139" s="186"/>
      <c r="G139" s="145">
        <f>'WS F Misc Exp'!D64</f>
        <v>0</v>
      </c>
      <c r="H139" s="203"/>
      <c r="I139" s="258"/>
      <c r="J139" s="258"/>
      <c r="K139" s="168"/>
      <c r="L139" s="257"/>
      <c r="M139" s="168"/>
      <c r="N139" s="168"/>
      <c r="O139" s="168"/>
    </row>
    <row r="140" spans="2:15" ht="15.75" thickBot="1">
      <c r="B140" s="170">
        <f t="shared" si="4"/>
        <v>71</v>
      </c>
      <c r="C140" s="171"/>
      <c r="D140" s="205" t="s">
        <v>134</v>
      </c>
      <c r="E140" s="168" t="s">
        <v>399</v>
      </c>
      <c r="F140" s="186"/>
      <c r="G140" s="141">
        <f>'WS F Misc Exp'!D72</f>
        <v>28000</v>
      </c>
      <c r="H140" s="203"/>
      <c r="I140" s="258"/>
      <c r="J140" s="258"/>
      <c r="K140" s="168"/>
      <c r="L140" s="257"/>
      <c r="M140" s="168"/>
      <c r="N140" s="168"/>
      <c r="O140" s="168"/>
    </row>
    <row r="141" spans="2:15">
      <c r="B141" s="170">
        <f>+B140+1</f>
        <v>72</v>
      </c>
      <c r="C141" s="171"/>
      <c r="D141" s="162" t="s">
        <v>410</v>
      </c>
      <c r="E141" s="186" t="str">
        <f>"(ln "&amp;B136&amp;" - sum ln "&amp;B137&amp;"  to ln "&amp;B140&amp;")"</f>
        <v>(ln 67 - sum ln 68  to ln 71)</v>
      </c>
      <c r="F141" s="186"/>
      <c r="G141" s="203">
        <f>G136-SUM(G137:G140)</f>
        <v>9360000</v>
      </c>
      <c r="H141" s="203"/>
      <c r="I141" s="197" t="s">
        <v>432</v>
      </c>
      <c r="J141" s="191">
        <f>L219</f>
        <v>0.99011103659863908</v>
      </c>
      <c r="K141" s="168"/>
      <c r="L141" s="257">
        <f>+J141*G141</f>
        <v>9267439.3025632612</v>
      </c>
      <c r="M141" s="168"/>
      <c r="N141" s="168"/>
      <c r="O141" s="168"/>
    </row>
    <row r="142" spans="2:15">
      <c r="B142" s="170">
        <f t="shared" si="4"/>
        <v>73</v>
      </c>
      <c r="C142" s="194"/>
      <c r="D142" s="205" t="s">
        <v>489</v>
      </c>
      <c r="E142" s="186" t="str">
        <f>"(ln "&amp;B137&amp;")"</f>
        <v>(ln 68)</v>
      </c>
      <c r="F142" s="186"/>
      <c r="G142" s="203">
        <f>+G137</f>
        <v>789000</v>
      </c>
      <c r="H142" s="203"/>
      <c r="I142" s="283" t="s">
        <v>638</v>
      </c>
      <c r="J142" s="191">
        <f>J68</f>
        <v>0.99011103659863886</v>
      </c>
      <c r="K142" s="186"/>
      <c r="L142" s="203">
        <f>+J142*G142</f>
        <v>781197.60787632607</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22</v>
      </c>
      <c r="J143" s="191">
        <f>L209</f>
        <v>0.99011103659863897</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22</v>
      </c>
      <c r="J144" s="191">
        <f>L209</f>
        <v>0.99011103659863897</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37000</v>
      </c>
      <c r="H145" s="284"/>
      <c r="I145" s="190" t="s">
        <v>430</v>
      </c>
      <c r="J145" s="191">
        <v>1</v>
      </c>
      <c r="K145" s="168"/>
      <c r="L145" s="285">
        <f>+J145*G145</f>
        <v>-37000</v>
      </c>
      <c r="M145" s="168"/>
      <c r="N145" s="168"/>
      <c r="O145" s="168"/>
    </row>
    <row r="146" spans="2:15">
      <c r="B146" s="170">
        <f>+B145+1</f>
        <v>77</v>
      </c>
      <c r="C146" s="171"/>
      <c r="D146" s="1307" t="s">
        <v>800</v>
      </c>
      <c r="E146" s="186" t="str">
        <f>"Worksheet O Ln "&amp;'Worksheet O'!A33&amp;"."&amp;'Worksheet O'!D11&amp;", (Note K &amp; M)"</f>
        <v>Worksheet O Ln 16.(B), (Note K &amp; M)</v>
      </c>
      <c r="F146" s="186"/>
      <c r="G146" s="1241">
        <f>'Worksheet O'!D33</f>
        <v>389000</v>
      </c>
      <c r="H146" s="284"/>
      <c r="I146" s="197" t="s">
        <v>432</v>
      </c>
      <c r="J146" s="191">
        <f>L219</f>
        <v>0.99011103659863908</v>
      </c>
      <c r="K146" s="168"/>
      <c r="L146" s="1327">
        <f>+J146*G146</f>
        <v>385153.19323687057</v>
      </c>
      <c r="M146" s="168"/>
      <c r="N146" s="168"/>
      <c r="O146" s="168"/>
    </row>
    <row r="147" spans="2:15">
      <c r="B147" s="170">
        <f>+B146+1</f>
        <v>78</v>
      </c>
      <c r="C147" s="171"/>
      <c r="D147" s="162" t="s">
        <v>411</v>
      </c>
      <c r="E147" s="186" t="str">
        <f>"(sum lns "&amp;B141&amp;"  to "&amp;B146&amp;")"</f>
        <v>(sum lns 72  to 77)</v>
      </c>
      <c r="F147" s="186"/>
      <c r="G147" s="257">
        <f>SUM(G141:G146)</f>
        <v>10501000</v>
      </c>
      <c r="H147" s="203"/>
      <c r="I147" s="197"/>
      <c r="J147" s="258"/>
      <c r="K147" s="168"/>
      <c r="L147" s="257">
        <f>SUM(L141:L146)</f>
        <v>10396790.103676459</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04</v>
      </c>
      <c r="E149" s="186" t="str">
        <f>"(ln "&amp;B134&amp;" + ln "&amp;B147&amp;")"</f>
        <v>(ln 66 + ln 78)</v>
      </c>
      <c r="F149" s="186"/>
      <c r="G149" s="203">
        <f>+G134+G147</f>
        <v>33410000</v>
      </c>
      <c r="H149" s="203"/>
      <c r="I149" s="190"/>
      <c r="J149" s="186"/>
      <c r="K149" s="186"/>
      <c r="L149" s="203">
        <f>L134+L147</f>
        <v>33079243.841114677</v>
      </c>
      <c r="M149" s="168"/>
      <c r="N149" s="168"/>
      <c r="O149" s="168"/>
    </row>
    <row r="150" spans="2:15" ht="15.75" thickBot="1">
      <c r="B150" s="256">
        <f>+B149+1</f>
        <v>80</v>
      </c>
      <c r="C150" s="194"/>
      <c r="D150" s="205" t="s">
        <v>280</v>
      </c>
      <c r="E150" s="205"/>
      <c r="F150" s="186"/>
      <c r="G150" s="141">
        <v>0</v>
      </c>
      <c r="H150" s="203"/>
      <c r="I150" s="197" t="s">
        <v>430</v>
      </c>
      <c r="J150" s="191">
        <f>J63</f>
        <v>1</v>
      </c>
      <c r="K150" s="186"/>
      <c r="L150" s="266">
        <f>J150*G150</f>
        <v>0</v>
      </c>
      <c r="M150" s="168"/>
      <c r="N150" s="168"/>
      <c r="O150" s="168"/>
    </row>
    <row r="151" spans="2:15">
      <c r="B151" s="170">
        <f>+B150+1</f>
        <v>81</v>
      </c>
      <c r="C151" s="171"/>
      <c r="D151" s="205" t="s">
        <v>412</v>
      </c>
      <c r="E151" s="186" t="str">
        <f>"(ln "&amp;B149&amp;" + ln "&amp;B150&amp;")"</f>
        <v>(ln 79 + ln 80)</v>
      </c>
      <c r="F151" s="186"/>
      <c r="G151" s="203">
        <f>+G149+G150</f>
        <v>33410000</v>
      </c>
      <c r="H151" s="203"/>
      <c r="I151" s="190"/>
      <c r="J151" s="186"/>
      <c r="K151" s="186"/>
      <c r="L151" s="203">
        <f>+L149+L150</f>
        <v>33079243.841114677</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1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8</v>
      </c>
      <c r="F154" s="286"/>
      <c r="G154" s="149">
        <v>74098000</v>
      </c>
      <c r="H154" s="287"/>
      <c r="I154" s="288" t="s">
        <v>363</v>
      </c>
      <c r="J154" s="191">
        <f>J71</f>
        <v>1</v>
      </c>
      <c r="K154" s="239"/>
      <c r="L154" s="289">
        <f>J154*G154</f>
        <v>74098000</v>
      </c>
      <c r="M154" s="239"/>
      <c r="N154" s="168"/>
      <c r="O154" s="168"/>
    </row>
    <row r="155" spans="2:15">
      <c r="B155" s="170">
        <f>+B154+1</f>
        <v>84</v>
      </c>
      <c r="C155" s="171"/>
      <c r="D155" s="241" t="s">
        <v>436</v>
      </c>
      <c r="E155" s="286" t="s">
        <v>209</v>
      </c>
      <c r="F155" s="168"/>
      <c r="G155" s="149">
        <v>1086000</v>
      </c>
      <c r="H155" s="203"/>
      <c r="I155" s="197" t="s">
        <v>432</v>
      </c>
      <c r="J155" s="191">
        <f>L219</f>
        <v>0.99011103659863908</v>
      </c>
      <c r="K155" s="168"/>
      <c r="L155" s="257">
        <f>+J155*G155</f>
        <v>1075260.5857461221</v>
      </c>
      <c r="M155" s="168"/>
      <c r="N155" s="186"/>
      <c r="O155" s="168"/>
    </row>
    <row r="156" spans="2:15" ht="15.75" thickBot="1">
      <c r="B156" s="170">
        <f>+B155+1</f>
        <v>85</v>
      </c>
      <c r="C156" s="171"/>
      <c r="D156" s="241" t="s">
        <v>437</v>
      </c>
      <c r="E156" s="235" t="s">
        <v>210</v>
      </c>
      <c r="F156" s="186"/>
      <c r="G156" s="141">
        <v>4794000</v>
      </c>
      <c r="H156" s="203"/>
      <c r="I156" s="197" t="s">
        <v>432</v>
      </c>
      <c r="J156" s="191">
        <f>L219</f>
        <v>0.99011103659863908</v>
      </c>
      <c r="K156" s="168"/>
      <c r="L156" s="266">
        <f>+J156*G156</f>
        <v>4746592.3094538758</v>
      </c>
      <c r="M156" s="168"/>
      <c r="N156" s="186"/>
      <c r="O156" s="168"/>
    </row>
    <row r="157" spans="2:15" ht="15" customHeight="1">
      <c r="B157" s="170">
        <f>+B156+1</f>
        <v>86</v>
      </c>
      <c r="C157" s="171"/>
      <c r="D157" s="241" t="s">
        <v>104</v>
      </c>
      <c r="E157" s="290" t="str">
        <f>"(Ln "&amp;B154&amp;"+"&amp;B155&amp;"+"&amp;B156&amp;")"</f>
        <v>(Ln 83+84+85)</v>
      </c>
      <c r="F157" s="168"/>
      <c r="G157" s="203">
        <f>+G154+G155+G156</f>
        <v>79978000</v>
      </c>
      <c r="H157" s="186"/>
      <c r="I157" s="197"/>
      <c r="J157" s="168"/>
      <c r="K157" s="168"/>
      <c r="L157" s="203">
        <f>+L154+L155+L156</f>
        <v>79919852.895199999</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67</v>
      </c>
      <c r="E159" s="160" t="s">
        <v>211</v>
      </c>
      <c r="G159" s="257"/>
      <c r="H159" s="186"/>
      <c r="I159" s="197"/>
      <c r="J159" s="168"/>
      <c r="K159" s="168"/>
      <c r="L159" s="257"/>
      <c r="M159" s="168"/>
      <c r="N159" s="292"/>
      <c r="O159" s="168"/>
    </row>
    <row r="160" spans="2:15">
      <c r="B160" s="170">
        <f t="shared" ref="B160:B165" si="5">+B159+1</f>
        <v>88</v>
      </c>
      <c r="C160" s="171"/>
      <c r="D160" s="241" t="s">
        <v>438</v>
      </c>
      <c r="G160" s="257"/>
      <c r="H160" s="186"/>
      <c r="I160" s="197"/>
      <c r="K160" s="168"/>
      <c r="L160" s="257"/>
      <c r="M160" s="168"/>
      <c r="N160" s="168"/>
      <c r="O160" s="168"/>
    </row>
    <row r="161" spans="2:15">
      <c r="B161" s="170">
        <f t="shared" si="5"/>
        <v>89</v>
      </c>
      <c r="C161" s="171"/>
      <c r="D161" s="241" t="s">
        <v>439</v>
      </c>
      <c r="E161" s="186" t="str">
        <f>"Worksheet H ln "&amp;'WS H-p1 Other Taxes'!A43&amp;"."&amp;'WS H-p1 Other Taxes'!I10&amp;""</f>
        <v>Worksheet H ln 23.(D)</v>
      </c>
      <c r="F161" s="168"/>
      <c r="G161" s="203">
        <f>+'WS H-p1 Other Taxes'!I43</f>
        <v>0</v>
      </c>
      <c r="H161" s="203"/>
      <c r="I161" s="197" t="s">
        <v>432</v>
      </c>
      <c r="J161" s="191">
        <f>L219</f>
        <v>0.99011103659863908</v>
      </c>
      <c r="K161" s="168"/>
      <c r="L161" s="257">
        <f>+J161*G161</f>
        <v>0</v>
      </c>
      <c r="M161" s="262"/>
      <c r="N161" s="168"/>
      <c r="O161" s="168"/>
    </row>
    <row r="162" spans="2:15">
      <c r="B162" s="170">
        <f t="shared" si="5"/>
        <v>90</v>
      </c>
      <c r="C162" s="171"/>
      <c r="D162" s="241" t="s">
        <v>440</v>
      </c>
      <c r="E162" s="186" t="s">
        <v>416</v>
      </c>
      <c r="F162" s="168"/>
      <c r="G162" s="203"/>
      <c r="H162" s="203"/>
      <c r="I162" s="197"/>
      <c r="K162" s="168"/>
      <c r="L162" s="257"/>
      <c r="M162" s="186"/>
      <c r="N162" s="168"/>
      <c r="O162" s="168"/>
    </row>
    <row r="163" spans="2:15">
      <c r="B163" s="193">
        <f t="shared" si="5"/>
        <v>91</v>
      </c>
      <c r="C163" s="194"/>
      <c r="D163" s="240" t="s">
        <v>44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27609000</v>
      </c>
      <c r="H163" s="203"/>
      <c r="I163" s="190" t="s">
        <v>430</v>
      </c>
      <c r="J163" s="191">
        <v>1</v>
      </c>
      <c r="K163" s="186"/>
      <c r="L163" s="203">
        <f>'WS H-p2 Detail of Tax Amts'!I22</f>
        <v>27609000</v>
      </c>
      <c r="M163" s="293"/>
      <c r="N163" s="292"/>
      <c r="O163" s="186"/>
    </row>
    <row r="164" spans="2:15">
      <c r="B164" s="170">
        <f t="shared" si="5"/>
        <v>92</v>
      </c>
      <c r="C164" s="171"/>
      <c r="D164" s="241" t="s">
        <v>492</v>
      </c>
      <c r="E164" s="186" t="str">
        <f>"Worksheet H ln "&amp;'WS H-p1 Other Taxes'!A43&amp;"."&amp;'WS H-p1 Other Taxes'!M10&amp;""</f>
        <v>Worksheet H ln 23.(F)</v>
      </c>
      <c r="F164" s="168"/>
      <c r="G164" s="203">
        <f>+'WS H-p1 Other Taxes'!M43</f>
        <v>0</v>
      </c>
      <c r="H164" s="263"/>
      <c r="I164" s="197" t="s">
        <v>428</v>
      </c>
      <c r="J164" s="191">
        <v>0</v>
      </c>
      <c r="K164" s="168"/>
      <c r="L164" s="257">
        <f>+J164*G164</f>
        <v>0</v>
      </c>
      <c r="M164" s="186"/>
      <c r="N164" s="168"/>
      <c r="O164" s="168"/>
    </row>
    <row r="165" spans="2:15" ht="15.75" thickBot="1">
      <c r="B165" s="170">
        <f t="shared" si="5"/>
        <v>93</v>
      </c>
      <c r="C165" s="171"/>
      <c r="D165" s="241" t="s">
        <v>442</v>
      </c>
      <c r="E165" s="186" t="str">
        <f>"Worksheet H ln "&amp;'WS H-p1 Other Taxes'!A43&amp;"."&amp;'WS H-p1 Other Taxes'!K10&amp;""</f>
        <v>Worksheet H ln 23.(E)</v>
      </c>
      <c r="F165" s="168"/>
      <c r="G165" s="242">
        <f>+'WS H-p1 Other Taxes'!K43</f>
        <v>0</v>
      </c>
      <c r="H165" s="263"/>
      <c r="I165" s="197" t="s">
        <v>766</v>
      </c>
      <c r="J165" s="191">
        <f>J68</f>
        <v>0.99011103659863886</v>
      </c>
      <c r="K165" s="168"/>
      <c r="L165" s="266">
        <f>+J165*G165</f>
        <v>0</v>
      </c>
      <c r="M165" s="186"/>
      <c r="N165" s="168"/>
      <c r="O165" s="168"/>
    </row>
    <row r="166" spans="2:15">
      <c r="B166" s="170">
        <f>+B165+1</f>
        <v>94</v>
      </c>
      <c r="C166" s="171"/>
      <c r="D166" s="241" t="s">
        <v>368</v>
      </c>
      <c r="E166" s="196" t="str">
        <f>"(sum lns "&amp;B161&amp;" to "&amp;B165&amp;")"</f>
        <v>(sum lns 89 to 93)</v>
      </c>
      <c r="F166" s="168"/>
      <c r="G166" s="203">
        <f>SUM(G161:G165)</f>
        <v>27609000</v>
      </c>
      <c r="H166" s="186"/>
      <c r="I166" s="197"/>
      <c r="J166" s="294"/>
      <c r="K166" s="168"/>
      <c r="L166" s="257">
        <f>SUM(L161:L165)</f>
        <v>27609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9</v>
      </c>
      <c r="E168" s="186" t="s">
        <v>212</v>
      </c>
      <c r="F168" s="296"/>
      <c r="G168" s="168"/>
      <c r="H168" s="209"/>
      <c r="I168" s="271"/>
      <c r="K168" s="168"/>
      <c r="L168" s="297"/>
      <c r="M168" s="168"/>
      <c r="N168" s="168"/>
      <c r="O168" s="168"/>
    </row>
    <row r="169" spans="2:15">
      <c r="B169" s="170">
        <f t="shared" ref="B169:B174" si="6">+B168+1</f>
        <v>96</v>
      </c>
      <c r="C169" s="171"/>
      <c r="D169" s="298" t="s">
        <v>140</v>
      </c>
      <c r="E169" s="168"/>
      <c r="F169" s="299"/>
      <c r="G169" s="300">
        <f>IF(F340&gt;0,1-(((1-F341)*(1-F340))/(1-F341*F340*F342)),0)</f>
        <v>0.25297599999999998</v>
      </c>
      <c r="H169" s="301"/>
      <c r="I169" s="301"/>
      <c r="K169" s="302"/>
      <c r="L169" s="297"/>
      <c r="M169" s="168"/>
      <c r="N169" s="168"/>
      <c r="O169" s="168"/>
    </row>
    <row r="170" spans="2:15">
      <c r="B170" s="170">
        <f t="shared" si="6"/>
        <v>97</v>
      </c>
      <c r="C170" s="171"/>
      <c r="D170" s="261" t="s">
        <v>141</v>
      </c>
      <c r="E170" s="168"/>
      <c r="F170" s="299"/>
      <c r="G170" s="300">
        <f>IF(L233&gt;0,($G169/(1-$G169))*(1-$L233/$L236),0)</f>
        <v>0.26096188557981759</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13</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386450769988647</v>
      </c>
      <c r="H173" s="209"/>
      <c r="I173" s="213"/>
      <c r="J173" s="309"/>
      <c r="K173" s="310"/>
      <c r="L173" s="311"/>
      <c r="M173" s="168"/>
      <c r="N173" s="168"/>
      <c r="O173" s="168"/>
    </row>
    <row r="174" spans="2:15">
      <c r="B174" s="170">
        <f t="shared" si="6"/>
        <v>101</v>
      </c>
      <c r="C174" s="171"/>
      <c r="D174" s="240" t="s">
        <v>142</v>
      </c>
      <c r="E174" s="251" t="s">
        <v>300</v>
      </c>
      <c r="F174" s="303"/>
      <c r="G174" s="149">
        <v>0</v>
      </c>
      <c r="H174" s="348"/>
      <c r="I174" s="283"/>
      <c r="J174" s="1247"/>
      <c r="K174" s="203"/>
      <c r="L174" s="160"/>
      <c r="M174" s="197"/>
      <c r="N174" s="168"/>
      <c r="O174" s="168"/>
    </row>
    <row r="175" spans="2:15">
      <c r="B175" s="170">
        <f t="shared" ref="B175:B181" si="7">+B174+1</f>
        <v>102</v>
      </c>
      <c r="C175" s="171"/>
      <c r="D175" s="240" t="s">
        <v>560</v>
      </c>
      <c r="E175" s="186" t="s">
        <v>767</v>
      </c>
      <c r="F175" s="1239"/>
      <c r="G175" s="149">
        <v>1156000</v>
      </c>
      <c r="H175" s="348"/>
      <c r="I175" s="315" t="s">
        <v>642</v>
      </c>
      <c r="J175" s="191">
        <f>NP_h</f>
        <v>0.98939700805029862</v>
      </c>
      <c r="K175" s="203"/>
      <c r="L175" s="189">
        <f>+G175*J175</f>
        <v>1143742.9413061452</v>
      </c>
      <c r="M175" s="168"/>
      <c r="N175" s="168"/>
      <c r="O175" s="168"/>
    </row>
    <row r="176" spans="2:15">
      <c r="B176" s="170">
        <f t="shared" si="7"/>
        <v>103</v>
      </c>
      <c r="C176" s="171"/>
      <c r="D176" s="240" t="s">
        <v>641</v>
      </c>
      <c r="E176" s="186" t="s">
        <v>767</v>
      </c>
      <c r="F176" s="1239"/>
      <c r="G176" s="149">
        <v>386000</v>
      </c>
      <c r="H176" s="348"/>
      <c r="I176" s="315" t="s">
        <v>642</v>
      </c>
      <c r="J176" s="191">
        <f>NP_h</f>
        <v>0.98939700805029862</v>
      </c>
      <c r="K176" s="203"/>
      <c r="L176" s="189">
        <f>+G176*J176</f>
        <v>381907.24510741525</v>
      </c>
      <c r="M176" s="168"/>
      <c r="N176" s="168"/>
      <c r="O176" s="168"/>
    </row>
    <row r="177" spans="2:15">
      <c r="B177" s="170">
        <f t="shared" si="7"/>
        <v>104</v>
      </c>
      <c r="C177" s="171"/>
      <c r="D177" s="307" t="s">
        <v>143</v>
      </c>
      <c r="E177" s="312" t="str">
        <f>"(ln "&amp;B170&amp;" * ln "&amp;B183&amp;")"</f>
        <v>(ln 97 * ln 109)</v>
      </c>
      <c r="F177" s="313"/>
      <c r="G177" s="203">
        <f>+G170*G183</f>
        <v>46316948.390179709</v>
      </c>
      <c r="H177" s="348"/>
      <c r="I177" s="283"/>
      <c r="J177" s="1240"/>
      <c r="K177" s="203"/>
      <c r="L177" s="203">
        <f>+L183*G170</f>
        <v>45905980.276605241</v>
      </c>
      <c r="M177" s="168"/>
      <c r="N177" s="168"/>
      <c r="O177" s="168"/>
    </row>
    <row r="178" spans="2:15">
      <c r="B178" s="170">
        <f t="shared" si="7"/>
        <v>105</v>
      </c>
      <c r="C178" s="171"/>
      <c r="D178" s="327" t="s">
        <v>144</v>
      </c>
      <c r="E178" s="312" t="str">
        <f>"(ln "&amp;B173&amp;" * ln "&amp;B174&amp;")"</f>
        <v>(ln 100 * ln 101)</v>
      </c>
      <c r="F178" s="312"/>
      <c r="G178" s="189">
        <f>G173*G174</f>
        <v>0</v>
      </c>
      <c r="H178" s="348"/>
      <c r="I178" s="315" t="s">
        <v>642</v>
      </c>
      <c r="J178" s="191">
        <f>NP_h</f>
        <v>0.98939700805029862</v>
      </c>
      <c r="K178" s="203"/>
      <c r="L178" s="189">
        <f>+G178*J178</f>
        <v>0</v>
      </c>
      <c r="M178" s="168"/>
      <c r="N178" s="168"/>
      <c r="O178" s="168"/>
    </row>
    <row r="179" spans="2:15">
      <c r="B179" s="170">
        <f t="shared" si="7"/>
        <v>106</v>
      </c>
      <c r="C179" s="171"/>
      <c r="D179" s="327" t="s">
        <v>560</v>
      </c>
      <c r="E179" s="312" t="str">
        <f>"(ln "&amp;B173&amp;" * ln "&amp;B175&amp;")"</f>
        <v>(ln 100 * ln 102)</v>
      </c>
      <c r="F179" s="312"/>
      <c r="G179" s="189">
        <f>G173*G175</f>
        <v>1547473.7090106877</v>
      </c>
      <c r="H179" s="348"/>
      <c r="I179" s="315"/>
      <c r="J179" s="191"/>
      <c r="K179" s="203"/>
      <c r="L179" s="189">
        <f>G173*L175</f>
        <v>1531065.8577316727</v>
      </c>
      <c r="M179" s="168"/>
      <c r="N179" s="168"/>
      <c r="O179" s="168"/>
    </row>
    <row r="180" spans="2:15">
      <c r="B180" s="170">
        <f t="shared" si="7"/>
        <v>107</v>
      </c>
      <c r="C180" s="171"/>
      <c r="D180" s="240" t="s">
        <v>641</v>
      </c>
      <c r="E180" s="312" t="str">
        <f>"(ln "&amp;B173&amp;" * ln "&amp;B176&amp;")"</f>
        <v>(ln 100 * ln 103)</v>
      </c>
      <c r="F180" s="312"/>
      <c r="G180" s="1241">
        <f>G173*G176</f>
        <v>516716.99972156179</v>
      </c>
      <c r="H180" s="348"/>
      <c r="I180" s="315"/>
      <c r="J180" s="191"/>
      <c r="K180" s="203"/>
      <c r="L180" s="1241">
        <f>G173*L176</f>
        <v>511238.25353324017</v>
      </c>
      <c r="M180" s="168"/>
      <c r="N180" s="168"/>
      <c r="O180" s="168"/>
    </row>
    <row r="181" spans="2:15">
      <c r="B181" s="256">
        <f t="shared" si="7"/>
        <v>108</v>
      </c>
      <c r="C181" s="171"/>
      <c r="D181" s="298" t="s">
        <v>369</v>
      </c>
      <c r="E181" s="168" t="str">
        <f>"(sum lns "&amp;B177&amp;" to "&amp;B180&amp;")"</f>
        <v>(sum lns 104 to 107)</v>
      </c>
      <c r="F181" s="312"/>
      <c r="G181" s="315">
        <f>SUM(G177:G180)</f>
        <v>48381139.098911963</v>
      </c>
      <c r="H181" s="209"/>
      <c r="I181" s="213" t="s">
        <v>416</v>
      </c>
      <c r="J181" s="316"/>
      <c r="K181" s="257"/>
      <c r="L181" s="315">
        <f>SUM(L177:L180)</f>
        <v>47948284.387870148</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91</v>
      </c>
      <c r="E183" s="307" t="str">
        <f>"(ln "&amp;B112&amp;" * ln "&amp;B236&amp;")"</f>
        <v>(ln 58 * ln 139)</v>
      </c>
      <c r="F183" s="268"/>
      <c r="G183" s="317">
        <f>+$L236*G112</f>
        <v>177485490.98375228</v>
      </c>
      <c r="H183" s="186"/>
      <c r="I183" s="213"/>
      <c r="J183" s="257"/>
      <c r="K183" s="257"/>
      <c r="L183" s="317">
        <f>+L236*L112</f>
        <v>175910670.53569582</v>
      </c>
      <c r="M183" s="168"/>
      <c r="N183" s="297"/>
      <c r="O183" s="297"/>
    </row>
    <row r="184" spans="2:15">
      <c r="B184" s="170"/>
      <c r="C184" s="171"/>
      <c r="D184" s="298"/>
      <c r="G184" s="257"/>
      <c r="H184" s="257"/>
      <c r="I184" s="213"/>
      <c r="J184" s="213"/>
      <c r="K184" s="257"/>
      <c r="L184" s="257"/>
      <c r="M184" s="168"/>
    </row>
    <row r="185" spans="2:15">
      <c r="B185" s="170">
        <f>+B183+1</f>
        <v>110</v>
      </c>
      <c r="C185" s="171"/>
      <c r="D185" s="318" t="s">
        <v>400</v>
      </c>
      <c r="F185" s="286"/>
      <c r="G185" s="203">
        <f>-'WS D IPP Credits'!C13</f>
        <v>0</v>
      </c>
      <c r="H185" s="203"/>
      <c r="I185" s="265" t="s">
        <v>43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7</v>
      </c>
      <c r="G191" s="321">
        <f>+G185+G183+G181+G166+G157+G151+G187+G189</f>
        <v>366863630.08266425</v>
      </c>
      <c r="L191" s="321">
        <f>+L185+L183+L181+L166+L157+L151+L187+L189</f>
        <v>364467051.6598807</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Indiana Michig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7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8</v>
      </c>
      <c r="C202" s="171"/>
      <c r="D202" s="323"/>
      <c r="E202" s="165"/>
      <c r="F202" s="165"/>
      <c r="G202" s="165"/>
      <c r="H202" s="165"/>
      <c r="I202" s="165"/>
      <c r="J202" s="165"/>
      <c r="K202" s="165"/>
      <c r="L202" s="165"/>
      <c r="M202" s="168"/>
      <c r="N202" s="160"/>
      <c r="O202" s="160"/>
    </row>
    <row r="203" spans="2:16" ht="15.75" thickBot="1">
      <c r="B203" s="177" t="s">
        <v>419</v>
      </c>
      <c r="C203" s="178"/>
      <c r="D203" s="205" t="s">
        <v>512</v>
      </c>
      <c r="E203" s="181"/>
      <c r="F203" s="181"/>
      <c r="G203" s="181"/>
      <c r="H203" s="181"/>
      <c r="I203" s="181"/>
      <c r="J203" s="181"/>
      <c r="K203" s="160"/>
      <c r="M203" s="168"/>
      <c r="N203" s="160"/>
      <c r="O203" s="160"/>
      <c r="P203" s="173"/>
    </row>
    <row r="204" spans="2:16">
      <c r="B204" s="170">
        <f>+B191+1</f>
        <v>114</v>
      </c>
      <c r="C204" s="171"/>
      <c r="D204" s="181" t="s">
        <v>466</v>
      </c>
      <c r="E204" s="324" t="str">
        <f>"(ln "&amp;B63&amp;")"</f>
        <v>(ln 19)</v>
      </c>
      <c r="F204" s="325"/>
      <c r="H204" s="326"/>
      <c r="I204" s="326"/>
      <c r="J204" s="326"/>
      <c r="K204" s="326"/>
      <c r="L204" s="189">
        <f>+G63</f>
        <v>2899471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v>28672762.602307692</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13</v>
      </c>
      <c r="E207" s="329" t="str">
        <f>"(ln "&amp;B204&amp;" - ln "&amp;B205&amp;" - ln "&amp;B206&amp;")"</f>
        <v>(ln 114 - ln 115 - ln 116)</v>
      </c>
      <c r="F207" s="325"/>
      <c r="H207" s="326"/>
      <c r="I207" s="326"/>
      <c r="J207" s="231"/>
      <c r="K207" s="326"/>
      <c r="L207" s="189">
        <f>L204-L205-L206</f>
        <v>2870798237.3976922</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14</v>
      </c>
      <c r="E209" s="330" t="str">
        <f>"(ln "&amp;B207&amp;" / ln "&amp;B204&amp;")"</f>
        <v>(ln 117 / ln 114)</v>
      </c>
      <c r="F209" s="331"/>
      <c r="H209" s="332"/>
      <c r="I209" s="333"/>
      <c r="J209" s="333"/>
      <c r="K209" s="334" t="s">
        <v>443</v>
      </c>
      <c r="L209" s="335">
        <f>IF(L204=0,1,L207/L204)</f>
        <v>0.99011103659863897</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75</v>
      </c>
      <c r="E211" s="190" t="s">
        <v>145</v>
      </c>
      <c r="F211" s="190" t="s">
        <v>484</v>
      </c>
      <c r="G211" s="338" t="s">
        <v>506</v>
      </c>
      <c r="H211" s="272" t="s">
        <v>420</v>
      </c>
      <c r="I211" s="197"/>
      <c r="J211" s="168"/>
      <c r="K211" s="168"/>
      <c r="L211" s="168"/>
      <c r="M211" s="168"/>
    </row>
    <row r="212" spans="2:24">
      <c r="B212" s="170">
        <f t="shared" ref="B212:B217" si="8">+B211+1</f>
        <v>120</v>
      </c>
      <c r="C212" s="194"/>
      <c r="D212" s="232" t="s">
        <v>320</v>
      </c>
      <c r="E212" s="186"/>
      <c r="F212" s="186"/>
      <c r="G212" s="203"/>
      <c r="H212" s="203"/>
      <c r="I212" s="190"/>
      <c r="J212" s="191"/>
      <c r="K212" s="186"/>
      <c r="L212" s="203"/>
      <c r="M212" s="168"/>
    </row>
    <row r="213" spans="2:24">
      <c r="B213" s="170">
        <f t="shared" si="8"/>
        <v>121</v>
      </c>
      <c r="C213" s="194"/>
      <c r="D213" s="240" t="s">
        <v>429</v>
      </c>
      <c r="E213" s="186" t="s">
        <v>349</v>
      </c>
      <c r="F213" s="142">
        <v>0</v>
      </c>
      <c r="G213" s="142">
        <v>6271000</v>
      </c>
      <c r="H213" s="339">
        <f>+F213+G213</f>
        <v>6271000</v>
      </c>
      <c r="I213" s="194" t="s">
        <v>422</v>
      </c>
      <c r="J213" s="191">
        <f>L209</f>
        <v>0.99011103659863897</v>
      </c>
      <c r="K213" s="340"/>
      <c r="L213" s="257">
        <f>(F213+G213)*J213</f>
        <v>6208986.3105100654</v>
      </c>
      <c r="M213" s="168"/>
    </row>
    <row r="214" spans="2:24">
      <c r="B214" s="170">
        <f t="shared" si="8"/>
        <v>122</v>
      </c>
      <c r="C214" s="194"/>
      <c r="D214" s="240" t="s">
        <v>552</v>
      </c>
      <c r="E214" s="168" t="s">
        <v>262</v>
      </c>
      <c r="F214" s="142">
        <v>0</v>
      </c>
      <c r="G214" s="142">
        <v>0</v>
      </c>
      <c r="H214" s="257">
        <f>+F214+G214</f>
        <v>0</v>
      </c>
      <c r="I214" s="197" t="s">
        <v>428</v>
      </c>
      <c r="J214" s="191">
        <v>0</v>
      </c>
      <c r="K214" s="340"/>
      <c r="L214" s="257">
        <f>(F214+G214)*J214</f>
        <v>0</v>
      </c>
      <c r="M214" s="168"/>
    </row>
    <row r="215" spans="2:24">
      <c r="B215" s="170">
        <f t="shared" si="8"/>
        <v>123</v>
      </c>
      <c r="C215" s="194"/>
      <c r="D215" s="232" t="s">
        <v>320</v>
      </c>
      <c r="E215" s="186"/>
      <c r="F215" s="186"/>
      <c r="G215" s="203"/>
      <c r="H215" s="203"/>
      <c r="I215" s="190"/>
      <c r="J215" s="191"/>
      <c r="K215" s="186"/>
      <c r="L215" s="203"/>
      <c r="M215" s="168"/>
    </row>
    <row r="216" spans="2:24" ht="15.75" thickBot="1">
      <c r="B216" s="170">
        <f t="shared" si="8"/>
        <v>124</v>
      </c>
      <c r="C216" s="194"/>
      <c r="D216" s="240" t="s">
        <v>493</v>
      </c>
      <c r="E216" s="168" t="s">
        <v>214</v>
      </c>
      <c r="F216" s="1413">
        <v>0</v>
      </c>
      <c r="G216" s="1413">
        <v>0</v>
      </c>
      <c r="H216" s="266">
        <f>+F216+G216</f>
        <v>0</v>
      </c>
      <c r="I216" s="197" t="s">
        <v>428</v>
      </c>
      <c r="J216" s="191">
        <v>0</v>
      </c>
      <c r="K216" s="340"/>
      <c r="L216" s="266">
        <f>(F216+G216)*J216</f>
        <v>0</v>
      </c>
      <c r="M216" s="168"/>
    </row>
    <row r="217" spans="2:24" ht="15.75">
      <c r="B217" s="170">
        <f t="shared" si="8"/>
        <v>125</v>
      </c>
      <c r="C217" s="194"/>
      <c r="D217" s="240" t="s">
        <v>420</v>
      </c>
      <c r="E217" s="186" t="str">
        <f>"(sum lns "&amp;B213&amp;", "&amp;B214&amp;", &amp; "&amp;B216&amp;")"</f>
        <v>(sum lns 121, 122, &amp; 124)</v>
      </c>
      <c r="F217" s="257">
        <f>SUM(F212:F216)</f>
        <v>0</v>
      </c>
      <c r="G217" s="186">
        <f>SUM(G212:G216)</f>
        <v>6271000</v>
      </c>
      <c r="H217" s="186">
        <f>SUM(H212:H216)</f>
        <v>6271000</v>
      </c>
      <c r="I217" s="197"/>
      <c r="J217" s="168"/>
      <c r="K217" s="168"/>
      <c r="L217" s="257">
        <f>SUM(L212:L216)</f>
        <v>6208986.3105100654</v>
      </c>
      <c r="M217" s="223"/>
    </row>
    <row r="218" spans="2:24">
      <c r="B218" s="170"/>
      <c r="C218" s="194"/>
      <c r="D218" s="240" t="s">
        <v>416</v>
      </c>
      <c r="E218" s="186" t="s">
        <v>416</v>
      </c>
      <c r="F218" s="186"/>
      <c r="G218" s="160"/>
      <c r="H218" s="186"/>
      <c r="I218" s="271"/>
    </row>
    <row r="219" spans="2:24" ht="15.75">
      <c r="B219" s="170">
        <f>B217+1</f>
        <v>126</v>
      </c>
      <c r="C219" s="171"/>
      <c r="D219" s="241" t="s">
        <v>376</v>
      </c>
      <c r="E219" s="186"/>
      <c r="F219" s="186"/>
      <c r="G219" s="186"/>
      <c r="H219" s="186"/>
      <c r="I219" s="271"/>
      <c r="K219" s="341" t="s">
        <v>377</v>
      </c>
      <c r="L219" s="342">
        <f>L217/(F217+G217)</f>
        <v>0.99011103659863908</v>
      </c>
    </row>
    <row r="220" spans="2:24" ht="15.75">
      <c r="B220" s="170"/>
      <c r="C220" s="171"/>
      <c r="D220" s="241"/>
      <c r="E220" s="186"/>
      <c r="F220" s="186"/>
      <c r="G220" s="186"/>
      <c r="H220" s="186"/>
      <c r="I220" s="271"/>
      <c r="K220" s="341"/>
      <c r="L220" s="342"/>
    </row>
    <row r="221" spans="2:24" ht="15.75">
      <c r="B221" s="170"/>
      <c r="C221" s="171"/>
      <c r="D221" s="343" t="s">
        <v>157</v>
      </c>
      <c r="E221" s="186"/>
      <c r="F221" s="186"/>
      <c r="G221" s="186"/>
      <c r="H221" s="186"/>
      <c r="I221" s="197"/>
      <c r="J221" s="168"/>
      <c r="K221" s="168"/>
      <c r="L221" s="168"/>
      <c r="M221" s="168"/>
    </row>
    <row r="222" spans="2:24" ht="15.75" thickBot="1">
      <c r="B222" s="170">
        <f>B219+1</f>
        <v>127</v>
      </c>
      <c r="C222" s="171"/>
      <c r="D222" s="240" t="s">
        <v>490</v>
      </c>
      <c r="E222" s="186"/>
      <c r="F222" s="186"/>
      <c r="G222" s="186"/>
      <c r="H222" s="186"/>
      <c r="I222" s="186"/>
      <c r="J222" s="186"/>
      <c r="K222" s="186"/>
      <c r="L222" s="344" t="s">
        <v>444</v>
      </c>
      <c r="M222" s="168"/>
    </row>
    <row r="223" spans="2:24" ht="15.75">
      <c r="B223" s="170">
        <f>B222+1</f>
        <v>128</v>
      </c>
      <c r="C223" s="171"/>
      <c r="D223" s="186" t="s">
        <v>510</v>
      </c>
      <c r="E223" s="160" t="str">
        <f>"(Worksheet M, ln."&amp;'WS M - Cost of Capital'!A55&amp;", col."&amp;'WS M - Cost of Capital'!E47&amp;")"</f>
        <v>(Worksheet M, ln.36, col.(d))</v>
      </c>
      <c r="F223" s="186"/>
      <c r="G223" s="186"/>
      <c r="H223" s="186"/>
      <c r="I223" s="186"/>
      <c r="J223" s="277" t="s">
        <v>416</v>
      </c>
      <c r="K223" s="186"/>
      <c r="L223" s="345">
        <f>'WS M - Cost of Capital'!E55</f>
        <v>44666000</v>
      </c>
      <c r="M223" s="186"/>
      <c r="N223" s="160"/>
      <c r="O223" s="160"/>
      <c r="P223" s="160"/>
      <c r="Q223" s="160"/>
      <c r="R223" s="160"/>
      <c r="S223" s="160"/>
      <c r="T223" s="160"/>
      <c r="U223" s="160"/>
      <c r="V223" s="160"/>
      <c r="W223" s="160"/>
      <c r="X223" s="160"/>
    </row>
    <row r="224" spans="2:24">
      <c r="B224" s="170">
        <f t="shared" ref="B224:B230" si="9">B223+1</f>
        <v>129</v>
      </c>
      <c r="C224" s="171"/>
      <c r="D224" s="186" t="s">
        <v>51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1449728692.3076923</v>
      </c>
      <c r="M226" s="168"/>
    </row>
    <row r="227" spans="2:13">
      <c r="B227" s="170">
        <f t="shared" si="9"/>
        <v>132</v>
      </c>
      <c r="C227" s="171"/>
      <c r="D227" s="186" t="s">
        <v>171</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64</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70</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1449728692.3076923</v>
      </c>
      <c r="M230" s="168"/>
    </row>
    <row r="231" spans="2:13" ht="15.75">
      <c r="B231" s="170"/>
      <c r="C231" s="171"/>
      <c r="D231" s="240"/>
      <c r="E231" s="186"/>
      <c r="F231" s="186"/>
      <c r="G231" s="1419" t="s">
        <v>272</v>
      </c>
      <c r="H231" s="1419"/>
      <c r="I231" s="186"/>
      <c r="J231" s="271" t="s">
        <v>445</v>
      </c>
      <c r="K231" s="186"/>
      <c r="L231" s="186"/>
      <c r="M231" s="168"/>
    </row>
    <row r="232" spans="2:13" ht="15.75" thickBot="1">
      <c r="B232" s="170"/>
      <c r="C232" s="171"/>
      <c r="D232" s="240"/>
      <c r="E232" s="160"/>
      <c r="F232" s="186"/>
      <c r="G232" s="350" t="s">
        <v>444</v>
      </c>
      <c r="H232" s="350" t="s">
        <v>446</v>
      </c>
      <c r="I232" s="344" t="s">
        <v>840</v>
      </c>
      <c r="J232" s="351" t="s">
        <v>554</v>
      </c>
      <c r="K232" s="186"/>
      <c r="L232" s="350" t="s">
        <v>447</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16</v>
      </c>
      <c r="G233" s="203">
        <f>'WS M - Cost of Capital'!H42</f>
        <v>1198650000</v>
      </c>
      <c r="H233" s="1325">
        <f>IF($G$236=0,0,G233/$G$236)</f>
        <v>0.45259766040314414</v>
      </c>
      <c r="I233" s="1340">
        <f>IF(H235&gt;E238,1-I235,H233)</f>
        <v>0.45259766040314414</v>
      </c>
      <c r="J233" s="352">
        <f>IF(G233=0,0,L223/G233)</f>
        <v>3.7263588203395488E-2</v>
      </c>
      <c r="K233" s="160"/>
      <c r="L233" s="353">
        <f>H233*J233</f>
        <v>1.6865412839083001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4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1449728692.3076923</v>
      </c>
      <c r="H235" s="355">
        <f>IF($G$236=0,0,G235/$G$236)</f>
        <v>0.5474023395968558</v>
      </c>
      <c r="I235" s="1340">
        <f>IF(H235&gt;E238,E238,H235)</f>
        <v>0.5474023395968558</v>
      </c>
      <c r="J235" s="419">
        <v>0.10349999999999999</v>
      </c>
      <c r="K235" s="160"/>
      <c r="L235" s="356">
        <f>H235*J235</f>
        <v>5.6656142148274573E-2</v>
      </c>
      <c r="M235" s="168"/>
    </row>
    <row r="236" spans="2:13" ht="15.75">
      <c r="B236" s="170">
        <f>B235+1</f>
        <v>139</v>
      </c>
      <c r="C236" s="171"/>
      <c r="D236" s="240" t="str">
        <f>" Total (Sum lns "&amp;B233&amp;" to "&amp;B235&amp;")"</f>
        <v xml:space="preserve"> Total (Sum lns 136 to 138)</v>
      </c>
      <c r="E236" s="160"/>
      <c r="F236" s="160"/>
      <c r="G236" s="203">
        <f>SUM(G233:G235)</f>
        <v>2648378692.3076925</v>
      </c>
      <c r="H236" s="210">
        <f>SUM(H233:H235)</f>
        <v>1</v>
      </c>
      <c r="I236" s="186"/>
      <c r="J236" s="357"/>
      <c r="K236" s="259" t="s">
        <v>362</v>
      </c>
      <c r="L236" s="1324">
        <f>SUM(L233:L235)</f>
        <v>7.3521554987357574E-2</v>
      </c>
      <c r="M236" s="168"/>
    </row>
    <row r="237" spans="2:13" ht="15.75">
      <c r="B237" s="170"/>
      <c r="C237" s="171"/>
      <c r="D237" s="240"/>
      <c r="E237" s="160"/>
      <c r="F237" s="160"/>
      <c r="G237" s="203"/>
      <c r="H237" s="210"/>
      <c r="I237" s="186"/>
      <c r="J237" s="357"/>
      <c r="K237" s="259"/>
      <c r="L237" s="1324"/>
      <c r="M237" s="168"/>
    </row>
    <row r="238" spans="2:13">
      <c r="B238" s="193">
        <f>B236+1</f>
        <v>140</v>
      </c>
      <c r="C238" s="194"/>
      <c r="D238" s="240" t="s">
        <v>839</v>
      </c>
      <c r="E238" s="1340">
        <v>0.55000000000000004</v>
      </c>
      <c r="F238" s="186"/>
      <c r="G238" s="186"/>
      <c r="H238" s="186"/>
      <c r="I238" s="197"/>
      <c r="J238" s="168"/>
      <c r="K238" s="168"/>
      <c r="L238" s="168"/>
      <c r="M238" s="168"/>
    </row>
    <row r="239" spans="2:13" ht="15.75" hidden="1">
      <c r="B239" s="358"/>
      <c r="C239" s="359"/>
      <c r="D239" s="360" t="s">
        <v>223</v>
      </c>
      <c r="E239" s="361"/>
      <c r="F239" s="362"/>
      <c r="G239" s="363"/>
      <c r="H239" s="362"/>
      <c r="I239" s="362"/>
      <c r="J239" s="362"/>
      <c r="K239" s="364"/>
      <c r="L239" s="365"/>
      <c r="M239" s="168"/>
    </row>
    <row r="240" spans="2:13" ht="15.75" hidden="1" thickBot="1">
      <c r="B240" s="358">
        <f>B236+1</f>
        <v>140</v>
      </c>
      <c r="C240" s="359"/>
      <c r="D240" s="366" t="s">
        <v>490</v>
      </c>
      <c r="E240" s="362"/>
      <c r="F240" s="362"/>
      <c r="G240" s="362"/>
      <c r="H240" s="362"/>
      <c r="I240" s="362"/>
      <c r="J240" s="362"/>
      <c r="K240" s="362"/>
      <c r="L240" s="367" t="s">
        <v>444</v>
      </c>
      <c r="M240" s="168"/>
    </row>
    <row r="241" spans="2:21" hidden="1">
      <c r="B241" s="358">
        <f t="shared" ref="B241:B248" si="10">+B240+1</f>
        <v>141</v>
      </c>
      <c r="C241" s="359"/>
      <c r="D241" s="362" t="s">
        <v>510</v>
      </c>
      <c r="E241" s="363" t="str">
        <f>"(Worksheet Q, ln. "&amp;'WS Q Cap Structure'!A199&amp;")"</f>
        <v>(Worksheet Q, ln. 132)</v>
      </c>
      <c r="F241" s="362"/>
      <c r="G241" s="362"/>
      <c r="H241" s="362"/>
      <c r="I241" s="362"/>
      <c r="J241" s="362"/>
      <c r="K241" s="362"/>
      <c r="L241" s="368">
        <f>'WS Q Cap Structure'!J199</f>
        <v>0</v>
      </c>
      <c r="M241" s="168"/>
    </row>
    <row r="242" spans="2:21" hidden="1">
      <c r="B242" s="358">
        <f t="shared" si="10"/>
        <v>142</v>
      </c>
      <c r="C242" s="359"/>
      <c r="D242" s="362" t="s">
        <v>511</v>
      </c>
      <c r="E242" s="363" t="str">
        <f>"(Worksheet Q, ln. "&amp;'WS Q Cap Structure'!A203&amp;")"</f>
        <v>(Worksheet Q, ln. 134)</v>
      </c>
      <c r="F242" s="362"/>
      <c r="G242" s="362"/>
      <c r="H242" s="362"/>
      <c r="I242" s="362"/>
      <c r="J242" s="362"/>
      <c r="K242" s="362"/>
      <c r="L242" s="368">
        <f>'WS Q Cap Structure'!J203</f>
        <v>0</v>
      </c>
      <c r="M242" s="168"/>
    </row>
    <row r="243" spans="2:21" hidden="1">
      <c r="B243" s="358">
        <f t="shared" si="10"/>
        <v>143</v>
      </c>
      <c r="C243" s="359"/>
      <c r="D243" s="369" t="s">
        <v>27</v>
      </c>
      <c r="E243" s="362"/>
      <c r="F243" s="362"/>
      <c r="G243" s="362"/>
      <c r="H243" s="370"/>
      <c r="I243" s="362"/>
      <c r="J243" s="362"/>
      <c r="K243" s="362"/>
      <c r="L243" s="368"/>
      <c r="M243" s="168"/>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8"/>
    </row>
    <row r="245" spans="2:21" hidden="1">
      <c r="B245" s="358">
        <f t="shared" si="10"/>
        <v>145</v>
      </c>
      <c r="C245" s="359"/>
      <c r="D245" s="362" t="s">
        <v>171</v>
      </c>
      <c r="E245" s="363" t="str">
        <f>"(Worksheet Q, ln. "&amp;'WS Q Cap Structure'!A207&amp;")"</f>
        <v>(Worksheet Q, ln. 136)</v>
      </c>
      <c r="F245" s="362"/>
      <c r="G245" s="362"/>
      <c r="H245" s="372"/>
      <c r="I245" s="362"/>
      <c r="J245" s="362"/>
      <c r="K245" s="362"/>
      <c r="L245" s="373">
        <f>'WS Q Cap Structure'!J207</f>
        <v>0</v>
      </c>
      <c r="M245" s="168"/>
    </row>
    <row r="246" spans="2:21" hidden="1">
      <c r="B246" s="358">
        <f>+B245+1</f>
        <v>146</v>
      </c>
      <c r="C246" s="359"/>
      <c r="D246" s="362" t="s">
        <v>164</v>
      </c>
      <c r="E246" s="363" t="str">
        <f>"(Worksheet Q, ln. "&amp;'WS Q Cap Structure'!A208&amp;")"</f>
        <v>(Worksheet Q, ln. 137)</v>
      </c>
      <c r="F246" s="362"/>
      <c r="G246" s="362"/>
      <c r="H246" s="372"/>
      <c r="I246" s="362"/>
      <c r="J246" s="362"/>
      <c r="K246" s="362"/>
      <c r="L246" s="373" t="e">
        <f>'WS Q Cap Structure'!J208</f>
        <v>#DIV/0!</v>
      </c>
      <c r="M246" s="168"/>
    </row>
    <row r="247" spans="2:21" ht="15.75" hidden="1" thickBot="1">
      <c r="B247" s="358">
        <f t="shared" si="10"/>
        <v>147</v>
      </c>
      <c r="C247" s="359"/>
      <c r="D247" s="362" t="s">
        <v>170</v>
      </c>
      <c r="E247" s="363" t="str">
        <f>"(Worksheet Q, ln. "&amp;'WS Q Cap Structure'!A209&amp;")"</f>
        <v>(Worksheet Q, ln. 138)</v>
      </c>
      <c r="F247" s="362"/>
      <c r="G247" s="362"/>
      <c r="H247" s="372"/>
      <c r="I247" s="362"/>
      <c r="J247" s="374"/>
      <c r="K247" s="362"/>
      <c r="L247" s="375" t="e">
        <f>'WS Q Cap Structure'!J209</f>
        <v>#DIV/0!</v>
      </c>
      <c r="M247" s="168"/>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8"/>
    </row>
    <row r="249" spans="2:21" ht="15.75" hidden="1">
      <c r="B249" s="358"/>
      <c r="C249" s="359"/>
      <c r="D249" s="366"/>
      <c r="E249" s="362"/>
      <c r="F249" s="362"/>
      <c r="G249" s="1418"/>
      <c r="H249" s="1418"/>
      <c r="I249" s="377"/>
      <c r="J249" s="363"/>
      <c r="K249" s="362"/>
      <c r="L249" s="362"/>
      <c r="M249" s="168"/>
    </row>
    <row r="250" spans="2:21" ht="15.75" hidden="1" thickBot="1">
      <c r="B250" s="358">
        <f>+B248+1</f>
        <v>149</v>
      </c>
      <c r="C250" s="359"/>
      <c r="D250" s="366"/>
      <c r="E250" s="363"/>
      <c r="F250" s="363"/>
      <c r="G250" s="378" t="s">
        <v>446</v>
      </c>
      <c r="H250" s="378" t="s">
        <v>444</v>
      </c>
      <c r="I250" s="377"/>
      <c r="J250" s="379" t="s">
        <v>445</v>
      </c>
      <c r="K250" s="362"/>
      <c r="L250" s="378" t="s">
        <v>447</v>
      </c>
      <c r="M250" s="168"/>
      <c r="N250" s="162"/>
      <c r="O250" s="162"/>
      <c r="P250" s="162"/>
      <c r="Q250" s="162"/>
      <c r="R250" s="162"/>
      <c r="S250" s="162"/>
      <c r="T250" s="162"/>
      <c r="U250" s="162"/>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2"/>
      <c r="O251" s="162"/>
      <c r="P251" s="162"/>
      <c r="Q251" s="162"/>
      <c r="R251" s="162"/>
      <c r="S251" s="162"/>
      <c r="T251" s="162"/>
      <c r="U251" s="162"/>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8"/>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8"/>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62</v>
      </c>
      <c r="L254" s="390" t="e">
        <f>SUM(L251:L253)</f>
        <v>#DIV/0!</v>
      </c>
      <c r="M254" s="391"/>
    </row>
    <row r="255" spans="2:21">
      <c r="B255" s="170"/>
      <c r="C255" s="209"/>
      <c r="D255" s="314"/>
      <c r="E255" s="263"/>
      <c r="F255" s="392"/>
      <c r="G255" s="392"/>
      <c r="H255" s="392"/>
      <c r="I255" s="392"/>
      <c r="J255" s="393"/>
      <c r="K255" s="393"/>
      <c r="L255" s="393"/>
      <c r="M255" s="394"/>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5"/>
      <c r="E258" s="171"/>
      <c r="F258" s="271" t="str">
        <f>F195</f>
        <v>Transmission Cost of Service Formula Rate</v>
      </c>
      <c r="G258" s="168"/>
      <c r="H258" s="168"/>
      <c r="I258" s="168"/>
      <c r="J258" s="168"/>
      <c r="K258" s="165"/>
      <c r="L258" s="184"/>
      <c r="M258" s="396"/>
      <c r="N258" s="181"/>
      <c r="O258" s="181"/>
      <c r="P258" s="181"/>
      <c r="Q258" s="181"/>
      <c r="R258" s="181"/>
      <c r="S258" s="181"/>
      <c r="T258" s="181"/>
      <c r="U258" s="181"/>
    </row>
    <row r="259" spans="2:21" ht="15.75">
      <c r="B259" s="269"/>
      <c r="C259" s="171"/>
      <c r="D259" s="395"/>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5"/>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5"/>
      <c r="E261" s="274"/>
      <c r="F261" s="271" t="str">
        <f>F198</f>
        <v>AEP Indiana Michigan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c r="G262" s="168"/>
      <c r="H262" s="168"/>
      <c r="I262" s="168"/>
      <c r="J262" s="168"/>
      <c r="K262" s="165"/>
      <c r="L262" s="184"/>
      <c r="M262" s="160"/>
      <c r="N262" s="181"/>
      <c r="O262" s="181"/>
      <c r="P262" s="181"/>
      <c r="Q262" s="181"/>
      <c r="R262" s="181"/>
      <c r="S262" s="181"/>
      <c r="T262" s="181"/>
      <c r="U262" s="181"/>
    </row>
    <row r="263" spans="2:21" ht="15.75">
      <c r="B263" s="397" t="s">
        <v>476</v>
      </c>
      <c r="C263" s="178"/>
      <c r="D263" s="205"/>
      <c r="E263" s="181"/>
      <c r="F263" s="397" t="s">
        <v>475</v>
      </c>
      <c r="G263" s="186"/>
      <c r="H263" s="186"/>
      <c r="I263" s="186"/>
      <c r="J263" s="186" t="s">
        <v>625</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32</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8" t="s">
        <v>448</v>
      </c>
      <c r="C268" s="178"/>
      <c r="D268" s="205" t="s">
        <v>274</v>
      </c>
      <c r="E268" s="181"/>
      <c r="F268" s="181"/>
      <c r="G268" s="186"/>
      <c r="H268" s="186"/>
      <c r="I268" s="186"/>
      <c r="J268" s="186"/>
      <c r="K268" s="181"/>
      <c r="L268" s="186"/>
      <c r="M268" s="181"/>
      <c r="N268" s="181"/>
      <c r="O268" s="181"/>
      <c r="P268" s="181"/>
      <c r="Q268" s="181"/>
      <c r="R268" s="181"/>
      <c r="S268" s="181"/>
      <c r="T268" s="181"/>
      <c r="U268" s="181"/>
    </row>
    <row r="269" spans="2:21">
      <c r="B269" s="398"/>
      <c r="C269" s="272"/>
      <c r="D269" s="205" t="s">
        <v>172</v>
      </c>
      <c r="E269" s="181"/>
      <c r="F269" s="181"/>
      <c r="G269" s="181"/>
      <c r="H269" s="181"/>
      <c r="I269" s="181"/>
      <c r="J269" s="181"/>
      <c r="K269" s="181"/>
      <c r="L269" s="181"/>
      <c r="M269" s="181"/>
      <c r="N269" s="181"/>
      <c r="O269" s="181"/>
      <c r="P269" s="181"/>
      <c r="Q269" s="181"/>
      <c r="R269" s="181"/>
      <c r="S269" s="181"/>
      <c r="T269" s="181"/>
      <c r="U269" s="181"/>
    </row>
    <row r="270" spans="2:21">
      <c r="B270" s="399"/>
      <c r="C270" s="160"/>
      <c r="D270" s="155" t="s">
        <v>173</v>
      </c>
      <c r="E270" s="400"/>
      <c r="F270" s="400"/>
      <c r="G270" s="181"/>
      <c r="H270" s="181"/>
      <c r="I270" s="181"/>
      <c r="J270" s="181"/>
      <c r="K270" s="181"/>
      <c r="L270" s="181"/>
      <c r="M270" s="181"/>
      <c r="N270" s="181"/>
      <c r="O270" s="181"/>
      <c r="P270" s="181"/>
      <c r="Q270" s="181"/>
      <c r="R270" s="181"/>
      <c r="S270" s="181"/>
      <c r="T270" s="181"/>
      <c r="U270" s="181"/>
    </row>
    <row r="271" spans="2:21">
      <c r="B271" s="399"/>
      <c r="C271" s="160"/>
      <c r="D271" s="205" t="s">
        <v>275</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76</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74</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5</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13</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0</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14</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1</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8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3"/>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9</v>
      </c>
      <c r="C281" s="194"/>
      <c r="D281" s="1420" t="s">
        <v>615</v>
      </c>
      <c r="E281" s="1421"/>
      <c r="F281" s="1421"/>
      <c r="G281" s="1421"/>
      <c r="H281" s="1421"/>
      <c r="I281" s="1421"/>
      <c r="J281" s="1421"/>
      <c r="K281" s="1421"/>
      <c r="L281" s="205"/>
      <c r="M281" s="181"/>
      <c r="N281" s="181"/>
      <c r="O281" s="181"/>
      <c r="P281" s="181"/>
      <c r="Q281" s="181"/>
      <c r="R281" s="181"/>
      <c r="S281" s="181"/>
      <c r="T281" s="181"/>
      <c r="U281" s="181"/>
    </row>
    <row r="282" spans="2:21">
      <c r="B282" s="193"/>
      <c r="C282" s="194"/>
      <c r="D282" s="1421"/>
      <c r="E282" s="1421"/>
      <c r="F282" s="1421"/>
      <c r="G282" s="1421"/>
      <c r="H282" s="1421"/>
      <c r="I282" s="1421"/>
      <c r="J282" s="1421"/>
      <c r="K282" s="1421"/>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50</v>
      </c>
      <c r="C284" s="194"/>
      <c r="D284" s="394" t="s">
        <v>806</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4"/>
      <c r="E285" s="181"/>
      <c r="F285" s="181"/>
      <c r="G285" s="181"/>
      <c r="H285" s="181"/>
      <c r="I285" s="181"/>
      <c r="J285" s="181"/>
      <c r="K285" s="181"/>
      <c r="L285" s="181"/>
      <c r="M285" s="181"/>
      <c r="N285" s="181"/>
      <c r="O285" s="181"/>
      <c r="P285" s="181"/>
      <c r="Q285" s="181"/>
      <c r="R285" s="181"/>
      <c r="S285" s="181"/>
      <c r="T285" s="181"/>
      <c r="U285" s="181"/>
    </row>
    <row r="286" spans="2:21">
      <c r="B286" s="193" t="s">
        <v>451</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87</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93</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62</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602</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603</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604</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8</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52</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1"/>
      <c r="N295" s="181"/>
      <c r="O295" s="181"/>
      <c r="P295" s="181"/>
      <c r="Q295" s="181"/>
      <c r="R295" s="181"/>
      <c r="S295" s="181"/>
      <c r="T295" s="181"/>
      <c r="U295" s="181"/>
    </row>
    <row r="296" spans="2:21">
      <c r="B296" s="193"/>
      <c r="C296" s="205"/>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2"/>
      <c r="M296" s="181"/>
      <c r="N296" s="181"/>
      <c r="O296" s="181"/>
      <c r="P296" s="181"/>
      <c r="Q296" s="181"/>
      <c r="R296" s="181"/>
      <c r="S296" s="181"/>
      <c r="T296" s="181"/>
      <c r="U296" s="181"/>
    </row>
    <row r="297" spans="2:21">
      <c r="B297" s="193"/>
      <c r="C297" s="205"/>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1"/>
      <c r="N297" s="181"/>
      <c r="O297" s="181"/>
      <c r="P297" s="181"/>
      <c r="Q297" s="181"/>
      <c r="R297" s="181"/>
      <c r="S297" s="181"/>
      <c r="T297" s="181"/>
      <c r="U297" s="181"/>
    </row>
    <row r="298" spans="2:21">
      <c r="B298" s="193"/>
      <c r="C298" s="205"/>
      <c r="D298" s="403"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2"/>
      <c r="M298" s="181"/>
      <c r="N298" s="181"/>
      <c r="O298" s="181"/>
      <c r="P298" s="181"/>
      <c r="Q298" s="181"/>
      <c r="R298" s="181"/>
      <c r="S298" s="181"/>
      <c r="T298" s="181"/>
      <c r="U298" s="181"/>
    </row>
    <row r="299" spans="2:21">
      <c r="B299" s="193"/>
      <c r="C299" s="243"/>
      <c r="D299" s="404" t="str">
        <f>"4) All A&amp;G Expenses, as shown on line "&amp;B147&amp;"."</f>
        <v>4) All A&amp;G Expenses, as shown on line 78.</v>
      </c>
      <c r="E299" s="401"/>
      <c r="F299" s="401"/>
      <c r="G299" s="401"/>
      <c r="H299" s="401"/>
      <c r="I299" s="401"/>
      <c r="J299" s="401"/>
      <c r="K299" s="401"/>
      <c r="L299" s="402"/>
      <c r="M299" s="181"/>
      <c r="N299" s="181"/>
      <c r="O299" s="181"/>
      <c r="P299" s="181"/>
      <c r="Q299" s="181"/>
      <c r="R299" s="181"/>
      <c r="S299" s="181"/>
      <c r="T299" s="181"/>
      <c r="U299" s="181"/>
    </row>
    <row r="300" spans="2:21">
      <c r="B300" s="193"/>
      <c r="C300" s="194"/>
      <c r="D300" s="403"/>
      <c r="E300" s="405"/>
      <c r="F300" s="405"/>
      <c r="G300" s="405"/>
      <c r="H300" s="405"/>
      <c r="I300" s="405"/>
      <c r="J300" s="405"/>
      <c r="K300" s="405"/>
      <c r="L300" s="181"/>
      <c r="M300" s="181"/>
      <c r="N300" s="181"/>
      <c r="O300" s="181"/>
      <c r="P300" s="181"/>
      <c r="Q300" s="181"/>
      <c r="R300" s="181"/>
      <c r="S300" s="181"/>
      <c r="T300" s="181"/>
      <c r="U300" s="181"/>
    </row>
    <row r="301" spans="2:21">
      <c r="B301" s="398" t="s">
        <v>453</v>
      </c>
      <c r="C301" s="272"/>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60"/>
      <c r="M301" s="181"/>
      <c r="N301" s="181"/>
      <c r="O301" s="181"/>
      <c r="P301" s="181"/>
      <c r="Q301" s="181"/>
      <c r="R301" s="181"/>
      <c r="S301" s="181"/>
      <c r="T301" s="181"/>
      <c r="U301" s="181"/>
    </row>
    <row r="302" spans="2:21">
      <c r="B302" s="399"/>
      <c r="C302" s="160"/>
      <c r="D302" s="406" t="s">
        <v>509</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tr">
        <f>"expense is included on line "&amp;B185&amp;"."</f>
        <v>expense is included on line 110.</v>
      </c>
      <c r="E303" s="406"/>
      <c r="F303" s="406"/>
      <c r="G303" s="406"/>
      <c r="H303" s="406"/>
      <c r="I303" s="406"/>
      <c r="J303" s="406"/>
      <c r="K303" s="406"/>
      <c r="L303" s="160"/>
      <c r="M303" s="181"/>
      <c r="N303" s="181"/>
      <c r="O303" s="181"/>
      <c r="P303" s="181"/>
      <c r="Q303" s="181"/>
      <c r="R303" s="181"/>
      <c r="S303" s="181"/>
      <c r="T303" s="181"/>
      <c r="U303" s="181"/>
    </row>
    <row r="304" spans="2:21" ht="21" customHeight="1">
      <c r="B304" s="399"/>
      <c r="C304" s="160"/>
      <c r="D304" s="406"/>
      <c r="E304" s="406"/>
      <c r="F304" s="406"/>
      <c r="G304" s="406"/>
      <c r="H304" s="406"/>
      <c r="I304" s="406"/>
      <c r="J304" s="406"/>
      <c r="K304" s="406"/>
      <c r="L304" s="160"/>
      <c r="M304" s="160"/>
      <c r="N304" s="181"/>
      <c r="O304" s="181"/>
      <c r="P304" s="181"/>
      <c r="Q304" s="181"/>
      <c r="R304" s="181"/>
      <c r="S304" s="181"/>
      <c r="T304" s="181"/>
      <c r="U304" s="181"/>
    </row>
    <row r="305" spans="2:21" ht="14.25" customHeight="1">
      <c r="B305" s="398" t="s">
        <v>454</v>
      </c>
      <c r="C305" s="160"/>
      <c r="D305" s="1425"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25"/>
      <c r="F305" s="1425"/>
      <c r="G305" s="1425"/>
      <c r="H305" s="1425"/>
      <c r="I305" s="1425"/>
      <c r="J305" s="1425"/>
      <c r="K305" s="1425"/>
      <c r="L305" s="160"/>
      <c r="M305" s="160"/>
      <c r="N305" s="181"/>
      <c r="O305" s="181"/>
      <c r="P305" s="181"/>
      <c r="Q305" s="181"/>
      <c r="R305" s="181"/>
      <c r="S305" s="181"/>
      <c r="T305" s="181"/>
      <c r="U305" s="181"/>
    </row>
    <row r="306" spans="2:21" ht="45" customHeight="1">
      <c r="B306" s="398"/>
      <c r="C306" s="160"/>
      <c r="D306" s="1425"/>
      <c r="E306" s="1425"/>
      <c r="F306" s="1425"/>
      <c r="G306" s="1425"/>
      <c r="H306" s="1425"/>
      <c r="I306" s="1425"/>
      <c r="J306" s="1425"/>
      <c r="K306" s="1425"/>
      <c r="L306" s="160"/>
      <c r="M306" s="160"/>
      <c r="N306" s="181"/>
      <c r="O306" s="181"/>
      <c r="P306" s="181"/>
      <c r="Q306" s="181"/>
      <c r="R306" s="181"/>
      <c r="S306" s="181"/>
      <c r="T306" s="181"/>
      <c r="U306" s="181"/>
    </row>
    <row r="307" spans="2:21" ht="5.25" hidden="1" customHeight="1">
      <c r="B307" s="398"/>
      <c r="C307" s="160"/>
      <c r="D307" s="1425"/>
      <c r="E307" s="1425"/>
      <c r="F307" s="1425"/>
      <c r="G307" s="1425"/>
      <c r="H307" s="1425"/>
      <c r="I307" s="1425"/>
      <c r="J307" s="1425"/>
      <c r="K307" s="1425"/>
      <c r="L307" s="160"/>
      <c r="M307" s="160"/>
      <c r="N307" s="181"/>
      <c r="O307" s="181"/>
      <c r="P307" s="181"/>
      <c r="Q307" s="181"/>
      <c r="R307" s="181"/>
      <c r="S307" s="181"/>
      <c r="T307" s="181"/>
      <c r="U307" s="181"/>
    </row>
    <row r="308" spans="2:21">
      <c r="B308" s="398"/>
      <c r="C308" s="160"/>
      <c r="D308" s="403"/>
      <c r="E308" s="406"/>
      <c r="F308" s="406"/>
      <c r="G308" s="406"/>
      <c r="H308" s="406"/>
      <c r="I308" s="406"/>
      <c r="J308" s="406"/>
      <c r="K308" s="406"/>
      <c r="L308" s="160"/>
      <c r="M308" s="160"/>
      <c r="N308" s="181"/>
      <c r="O308" s="181"/>
      <c r="P308" s="181"/>
      <c r="Q308" s="181"/>
      <c r="R308" s="181"/>
      <c r="S308" s="181"/>
      <c r="T308" s="181"/>
      <c r="U308" s="181"/>
    </row>
    <row r="309" spans="2:21">
      <c r="B309" s="398" t="s">
        <v>455</v>
      </c>
      <c r="C309" s="160"/>
      <c r="D309" s="1428"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28"/>
      <c r="F309" s="1428"/>
      <c r="G309" s="1428"/>
      <c r="H309" s="1428"/>
      <c r="I309" s="1428"/>
      <c r="J309" s="1428"/>
      <c r="K309" s="1428"/>
      <c r="L309" s="160"/>
      <c r="M309" s="160"/>
      <c r="N309" s="181"/>
      <c r="O309" s="181"/>
      <c r="P309" s="181"/>
      <c r="Q309" s="181"/>
      <c r="R309" s="181"/>
      <c r="S309" s="181"/>
      <c r="T309" s="181"/>
      <c r="U309" s="181"/>
    </row>
    <row r="310" spans="2:21">
      <c r="B310" s="398"/>
      <c r="C310" s="160"/>
      <c r="D310" s="1428"/>
      <c r="E310" s="1428"/>
      <c r="F310" s="1428"/>
      <c r="G310" s="1428"/>
      <c r="H310" s="1428"/>
      <c r="I310" s="1428"/>
      <c r="J310" s="1428"/>
      <c r="K310" s="1428"/>
      <c r="L310" s="160"/>
      <c r="M310" s="160"/>
      <c r="N310" s="181"/>
      <c r="O310" s="181"/>
      <c r="P310" s="181"/>
      <c r="Q310" s="181"/>
      <c r="R310" s="181"/>
      <c r="S310" s="181"/>
      <c r="T310" s="181"/>
      <c r="U310" s="181"/>
    </row>
    <row r="311" spans="2:21">
      <c r="B311" s="398"/>
      <c r="C311" s="160"/>
      <c r="D311" s="1429"/>
      <c r="E311" s="1429"/>
      <c r="F311" s="1429"/>
      <c r="G311" s="1429"/>
      <c r="H311" s="1429"/>
      <c r="I311" s="1429"/>
      <c r="J311" s="1429"/>
      <c r="K311" s="1429"/>
      <c r="L311" s="160"/>
      <c r="M311" s="160"/>
      <c r="N311" s="181"/>
      <c r="O311" s="181"/>
      <c r="P311" s="181"/>
      <c r="Q311" s="181"/>
      <c r="R311" s="181"/>
      <c r="S311" s="181"/>
      <c r="T311" s="181"/>
      <c r="U311" s="181"/>
    </row>
    <row r="312" spans="2:21">
      <c r="B312" s="398"/>
      <c r="C312" s="160"/>
      <c r="D312" s="1430"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30"/>
      <c r="F312" s="1430"/>
      <c r="G312" s="1430"/>
      <c r="H312" s="1430"/>
      <c r="I312" s="1430"/>
      <c r="J312" s="1430"/>
      <c r="K312" s="407"/>
      <c r="L312" s="160"/>
      <c r="M312" s="160"/>
      <c r="N312" s="181"/>
      <c r="O312" s="181"/>
      <c r="P312" s="181"/>
      <c r="Q312" s="181"/>
      <c r="R312" s="181"/>
      <c r="S312" s="181"/>
      <c r="T312" s="181"/>
      <c r="U312" s="181"/>
    </row>
    <row r="313" spans="2:21">
      <c r="B313" s="398"/>
      <c r="C313" s="160"/>
      <c r="D313" s="1430"/>
      <c r="E313" s="1430"/>
      <c r="F313" s="1430"/>
      <c r="G313" s="1430"/>
      <c r="H313" s="1430"/>
      <c r="I313" s="1430"/>
      <c r="J313" s="1430"/>
      <c r="K313" s="407"/>
      <c r="L313" s="160"/>
      <c r="M313" s="160"/>
      <c r="N313" s="181"/>
      <c r="O313" s="181"/>
      <c r="P313" s="181"/>
      <c r="Q313" s="181"/>
      <c r="R313" s="181"/>
      <c r="S313" s="181"/>
      <c r="T313" s="181"/>
      <c r="U313" s="181"/>
    </row>
    <row r="314" spans="2:21" ht="22.5" customHeight="1">
      <c r="B314" s="398"/>
      <c r="C314" s="160"/>
      <c r="D314" s="406" t="str">
        <f>"The company records referenced on line"&amp;B150&amp;" is the "&amp;F9&amp;" general ledger."</f>
        <v>The company records referenced on line80 is the AEP Indiana Michigan Transmission Company general ledger.</v>
      </c>
      <c r="E314" s="408"/>
      <c r="F314" s="408"/>
      <c r="G314" s="408"/>
      <c r="H314" s="408"/>
      <c r="I314" s="408"/>
      <c r="J314" s="408"/>
      <c r="K314" s="407"/>
      <c r="L314" s="160"/>
      <c r="M314" s="160"/>
      <c r="N314" s="181"/>
      <c r="O314" s="181"/>
      <c r="P314" s="181"/>
      <c r="Q314" s="181"/>
      <c r="R314" s="181"/>
      <c r="S314" s="181"/>
      <c r="T314" s="181"/>
      <c r="U314" s="181"/>
    </row>
    <row r="315" spans="2:21">
      <c r="B315" s="398"/>
      <c r="C315" s="160"/>
      <c r="D315" s="408"/>
      <c r="E315" s="408"/>
      <c r="F315" s="408"/>
      <c r="G315" s="408"/>
      <c r="H315" s="408"/>
      <c r="I315" s="408"/>
      <c r="J315" s="408"/>
      <c r="K315" s="408"/>
      <c r="L315" s="160"/>
      <c r="M315" s="160"/>
      <c r="N315" s="181"/>
      <c r="O315" s="181"/>
      <c r="P315" s="181"/>
      <c r="Q315" s="181"/>
      <c r="R315" s="181"/>
      <c r="S315" s="181"/>
      <c r="T315" s="181"/>
      <c r="U315" s="181"/>
    </row>
    <row r="316" spans="2:21">
      <c r="B316" s="398" t="s">
        <v>456</v>
      </c>
      <c r="C316" s="160"/>
      <c r="D316" s="406" t="s">
        <v>605</v>
      </c>
      <c r="E316" s="209"/>
      <c r="F316" s="209"/>
      <c r="G316" s="209"/>
      <c r="H316" s="209"/>
      <c r="I316" s="209"/>
      <c r="J316" s="209"/>
      <c r="K316" s="209"/>
      <c r="L316" s="160"/>
      <c r="M316" s="160"/>
      <c r="N316" s="181"/>
      <c r="O316" s="181"/>
      <c r="P316" s="181"/>
      <c r="Q316" s="181"/>
      <c r="R316" s="181"/>
      <c r="S316" s="181"/>
      <c r="T316" s="181"/>
      <c r="U316" s="181"/>
    </row>
    <row r="317" spans="2:21">
      <c r="B317" s="398"/>
      <c r="C317" s="160"/>
      <c r="D317" s="409"/>
      <c r="E317" s="409"/>
      <c r="F317" s="409"/>
      <c r="G317" s="409"/>
      <c r="H317" s="409"/>
      <c r="I317" s="409"/>
      <c r="J317" s="409"/>
      <c r="K317" s="409"/>
      <c r="L317" s="160"/>
      <c r="M317" s="160"/>
      <c r="N317" s="181"/>
      <c r="O317" s="181"/>
      <c r="P317" s="181"/>
      <c r="Q317" s="181"/>
      <c r="R317" s="181"/>
      <c r="S317" s="181"/>
      <c r="T317" s="181"/>
      <c r="U317" s="181"/>
    </row>
    <row r="318" spans="2:21" ht="15" customHeight="1">
      <c r="B318" s="398" t="s">
        <v>457</v>
      </c>
      <c r="C318" s="160"/>
      <c r="D318" s="1432" t="s">
        <v>7</v>
      </c>
      <c r="E318" s="1421"/>
      <c r="F318" s="1421"/>
      <c r="G318" s="1421"/>
      <c r="H318" s="1421"/>
      <c r="I318" s="1421"/>
      <c r="J318" s="1421"/>
      <c r="K318" s="406"/>
      <c r="L318" s="160"/>
      <c r="M318" s="160"/>
      <c r="N318" s="181"/>
      <c r="O318" s="181"/>
      <c r="P318" s="181"/>
      <c r="Q318" s="181"/>
      <c r="R318" s="181"/>
      <c r="S318" s="181"/>
      <c r="T318" s="181"/>
      <c r="U318" s="181"/>
    </row>
    <row r="319" spans="2:21">
      <c r="B319" s="398"/>
      <c r="C319" s="160"/>
      <c r="D319" s="1433"/>
      <c r="E319" s="1433"/>
      <c r="F319" s="1433"/>
      <c r="G319" s="1433"/>
      <c r="H319" s="1433"/>
      <c r="I319" s="1433"/>
      <c r="J319" s="1433"/>
      <c r="K319" s="409"/>
      <c r="L319" s="160"/>
      <c r="M319" s="160"/>
      <c r="N319" s="181"/>
      <c r="O319" s="181"/>
      <c r="P319" s="181"/>
      <c r="Q319" s="181"/>
      <c r="R319" s="181"/>
      <c r="S319" s="181"/>
      <c r="T319" s="181"/>
      <c r="U319" s="181"/>
    </row>
    <row r="320" spans="2:21">
      <c r="B320" s="398"/>
      <c r="C320" s="160"/>
      <c r="D320" s="1421"/>
      <c r="E320" s="1421"/>
      <c r="F320" s="1421"/>
      <c r="G320" s="1421"/>
      <c r="H320" s="1421"/>
      <c r="I320" s="1421"/>
      <c r="J320" s="1421"/>
      <c r="K320" s="406"/>
      <c r="L320" s="160"/>
      <c r="M320" s="160"/>
      <c r="N320" s="181"/>
      <c r="O320" s="181"/>
      <c r="P320" s="181"/>
      <c r="Q320" s="181"/>
      <c r="R320" s="181"/>
      <c r="S320" s="181"/>
      <c r="T320" s="181"/>
      <c r="U320" s="181"/>
    </row>
    <row r="321" spans="2:21">
      <c r="B321" s="398"/>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8</v>
      </c>
      <c r="C322" s="160"/>
      <c r="D322" s="1426" t="s">
        <v>803</v>
      </c>
      <c r="E322" s="1427"/>
      <c r="F322" s="1427"/>
      <c r="G322" s="1427"/>
      <c r="H322" s="1427"/>
      <c r="I322" s="1427"/>
      <c r="J322" s="1427"/>
      <c r="K322" s="1427"/>
      <c r="L322" s="160"/>
      <c r="M322" s="160"/>
      <c r="N322" s="181"/>
      <c r="O322" s="181"/>
      <c r="P322" s="181"/>
      <c r="Q322" s="181"/>
      <c r="R322" s="181"/>
      <c r="S322" s="181"/>
      <c r="T322" s="181"/>
      <c r="U322" s="181"/>
    </row>
    <row r="323" spans="2:21">
      <c r="B323" s="398"/>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9</v>
      </c>
      <c r="C324" s="194"/>
      <c r="D324" s="205" t="s">
        <v>158</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77</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8</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9</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60</v>
      </c>
      <c r="C329" s="194"/>
      <c r="D329" s="1431" t="s">
        <v>804</v>
      </c>
      <c r="E329" s="1431"/>
      <c r="F329" s="1431"/>
      <c r="G329" s="1431"/>
      <c r="H329" s="1431"/>
      <c r="I329" s="1431"/>
      <c r="J329" s="1431"/>
      <c r="K329" s="1431"/>
      <c r="L329" s="1431"/>
      <c r="M329" s="160"/>
      <c r="N329" s="181"/>
      <c r="O329" s="181"/>
      <c r="P329" s="181"/>
      <c r="Q329" s="181"/>
      <c r="R329" s="181"/>
      <c r="S329" s="181"/>
      <c r="T329" s="181"/>
      <c r="U329" s="181"/>
    </row>
    <row r="330" spans="2:21">
      <c r="B330" s="193"/>
      <c r="C330" s="194"/>
      <c r="D330" s="1431"/>
      <c r="E330" s="1431"/>
      <c r="F330" s="1431"/>
      <c r="G330" s="1431"/>
      <c r="H330" s="1431"/>
      <c r="I330" s="1431"/>
      <c r="J330" s="1431"/>
      <c r="K330" s="1431"/>
      <c r="L330" s="1431"/>
      <c r="M330" s="160"/>
      <c r="N330" s="181"/>
      <c r="O330" s="181"/>
      <c r="P330" s="181"/>
      <c r="Q330" s="181"/>
      <c r="R330" s="181"/>
      <c r="S330" s="181"/>
      <c r="T330" s="181"/>
      <c r="U330" s="181"/>
    </row>
    <row r="331" spans="2:21">
      <c r="B331" s="193"/>
      <c r="C331" s="194"/>
      <c r="D331" s="1431"/>
      <c r="E331" s="1431"/>
      <c r="F331" s="1431"/>
      <c r="G331" s="1431"/>
      <c r="H331" s="1431"/>
      <c r="I331" s="1431"/>
      <c r="J331" s="1431"/>
      <c r="K331" s="1431"/>
      <c r="L331" s="1431"/>
      <c r="M331" s="160"/>
      <c r="N331" s="181"/>
      <c r="O331" s="181"/>
      <c r="P331" s="181"/>
      <c r="Q331" s="181"/>
      <c r="R331" s="181"/>
      <c r="S331" s="181"/>
      <c r="T331" s="181"/>
      <c r="U331" s="181"/>
    </row>
    <row r="332" spans="2:21">
      <c r="B332" s="193"/>
      <c r="C332" s="194"/>
      <c r="D332" s="410"/>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96</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07</v>
      </c>
      <c r="C335" s="194"/>
      <c r="D335" s="205" t="s">
        <v>146</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1"/>
      <c r="C340" s="181"/>
      <c r="D340" s="205" t="s">
        <v>147</v>
      </c>
      <c r="E340" s="181" t="s">
        <v>148</v>
      </c>
      <c r="F340" s="148">
        <v>0.21</v>
      </c>
      <c r="G340" s="181"/>
      <c r="H340" s="160"/>
      <c r="I340" s="160"/>
      <c r="J340" s="160"/>
      <c r="K340" s="160"/>
      <c r="L340" s="160"/>
      <c r="M340" s="160"/>
      <c r="N340" s="181"/>
      <c r="O340" s="181"/>
      <c r="P340" s="181"/>
      <c r="Q340" s="181"/>
      <c r="R340" s="181"/>
      <c r="S340" s="181"/>
      <c r="T340" s="181"/>
      <c r="U340" s="181"/>
    </row>
    <row r="341" spans="2:21">
      <c r="B341" s="411"/>
      <c r="C341" s="181"/>
      <c r="D341" s="205"/>
      <c r="E341" s="181" t="s">
        <v>149</v>
      </c>
      <c r="F341" s="400">
        <f>+'WS G  State Tax Rate'!F29</f>
        <v>5.4399999999999997E-2</v>
      </c>
      <c r="G341" s="181" t="s">
        <v>301</v>
      </c>
      <c r="H341" s="160"/>
      <c r="I341" s="160"/>
      <c r="J341" s="160"/>
      <c r="K341" s="160"/>
      <c r="L341" s="160"/>
      <c r="M341" s="160"/>
      <c r="N341" s="181"/>
      <c r="O341" s="181"/>
      <c r="P341" s="181"/>
      <c r="Q341" s="181"/>
      <c r="R341" s="181"/>
      <c r="S341" s="181"/>
      <c r="T341" s="181"/>
      <c r="U341" s="181"/>
    </row>
    <row r="342" spans="2:21">
      <c r="B342" s="411"/>
      <c r="C342" s="181"/>
      <c r="D342" s="205"/>
      <c r="E342" s="181" t="s">
        <v>150</v>
      </c>
      <c r="F342" s="148">
        <v>0</v>
      </c>
      <c r="G342" s="181" t="s">
        <v>151</v>
      </c>
      <c r="H342" s="160"/>
      <c r="I342" s="160"/>
      <c r="J342" s="160"/>
      <c r="K342" s="160"/>
      <c r="L342" s="160"/>
      <c r="M342" s="160"/>
      <c r="N342" s="181"/>
      <c r="O342" s="181"/>
      <c r="P342" s="181"/>
      <c r="Q342" s="181"/>
      <c r="R342" s="181"/>
      <c r="S342" s="181"/>
      <c r="T342" s="181"/>
      <c r="U342" s="181"/>
    </row>
    <row r="343" spans="2:21" ht="46.5" customHeight="1">
      <c r="B343" s="271"/>
      <c r="C343" s="194"/>
      <c r="D343" s="1416" t="s">
        <v>606</v>
      </c>
      <c r="E343" s="1416"/>
      <c r="F343" s="1416"/>
      <c r="G343" s="1416"/>
      <c r="H343" s="1416"/>
      <c r="I343" s="1416"/>
      <c r="J343" s="1416"/>
      <c r="K343" s="160"/>
      <c r="L343" s="160"/>
      <c r="M343" s="181"/>
      <c r="N343" s="181"/>
      <c r="O343" s="181"/>
      <c r="P343" s="181"/>
      <c r="Q343" s="181"/>
      <c r="R343" s="181"/>
      <c r="S343" s="181"/>
      <c r="T343" s="181"/>
      <c r="U343" s="181"/>
    </row>
    <row r="344" spans="2:21">
      <c r="B344" s="193" t="s">
        <v>152</v>
      </c>
      <c r="C344" s="194"/>
      <c r="D344" s="205" t="s">
        <v>549</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53</v>
      </c>
      <c r="C346" s="194"/>
      <c r="D346" s="205" t="s">
        <v>359</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54</v>
      </c>
      <c r="C348" s="194"/>
      <c r="D348" s="205" t="s">
        <v>620</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2" t="s">
        <v>155</v>
      </c>
      <c r="C350" s="413"/>
      <c r="D350" s="141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17"/>
      <c r="F350" s="1417"/>
      <c r="G350" s="1417"/>
      <c r="H350" s="1417"/>
      <c r="I350" s="1417"/>
      <c r="J350" s="1417"/>
      <c r="M350" s="173"/>
      <c r="N350" s="173"/>
      <c r="O350" s="181"/>
      <c r="P350" s="181"/>
      <c r="Q350" s="181"/>
      <c r="R350" s="181"/>
      <c r="S350" s="181"/>
      <c r="T350" s="181"/>
      <c r="U350" s="181"/>
    </row>
    <row r="351" spans="2:21" ht="15.75">
      <c r="B351" s="413"/>
      <c r="C351" s="413"/>
      <c r="D351" s="1417" t="s">
        <v>805</v>
      </c>
      <c r="E351" s="1417"/>
      <c r="F351" s="1417"/>
      <c r="G351" s="1417"/>
      <c r="H351" s="1417"/>
      <c r="I351" s="1417"/>
      <c r="J351" s="1417"/>
      <c r="M351" s="173"/>
      <c r="N351" s="173"/>
      <c r="O351" s="181"/>
      <c r="P351" s="181"/>
      <c r="Q351" s="181"/>
      <c r="R351" s="181"/>
      <c r="S351" s="181"/>
      <c r="T351" s="181"/>
      <c r="U351" s="181"/>
    </row>
    <row r="352" spans="2:21" ht="15.75">
      <c r="B352" s="413"/>
      <c r="C352" s="413"/>
      <c r="D352" s="1417"/>
      <c r="E352" s="1417"/>
      <c r="F352" s="1417"/>
      <c r="G352" s="1417"/>
      <c r="H352" s="1417"/>
      <c r="I352" s="1417"/>
      <c r="J352" s="1417"/>
      <c r="M352" s="173"/>
      <c r="N352" s="173"/>
      <c r="O352" s="181"/>
      <c r="P352" s="181"/>
      <c r="Q352" s="181"/>
      <c r="R352" s="181"/>
      <c r="S352" s="181"/>
      <c r="T352" s="181"/>
      <c r="U352" s="181"/>
    </row>
    <row r="353" spans="2:21" ht="95.25" customHeight="1">
      <c r="B353" s="413"/>
      <c r="C353" s="413"/>
      <c r="D353" s="1417"/>
      <c r="E353" s="1417"/>
      <c r="F353" s="1417"/>
      <c r="G353" s="1417"/>
      <c r="H353" s="1417"/>
      <c r="I353" s="1417"/>
      <c r="J353" s="1417"/>
      <c r="M353" s="173"/>
      <c r="N353" s="173"/>
      <c r="O353" s="181"/>
      <c r="P353" s="181"/>
      <c r="Q353" s="181"/>
      <c r="R353" s="181"/>
      <c r="S353" s="181"/>
      <c r="T353" s="181"/>
      <c r="U353" s="181"/>
    </row>
    <row r="354" spans="2:21" ht="0.75" hidden="1" customHeight="1">
      <c r="B354" s="413"/>
      <c r="C354" s="413"/>
      <c r="D354" s="1274"/>
      <c r="E354" s="1274"/>
      <c r="F354" s="1274"/>
      <c r="G354" s="1274"/>
      <c r="H354" s="1274"/>
      <c r="I354" s="1274"/>
      <c r="J354" s="1274"/>
      <c r="M354" s="173"/>
      <c r="N354" s="173"/>
      <c r="O354" s="181"/>
      <c r="P354" s="181"/>
      <c r="Q354" s="181"/>
      <c r="R354" s="181"/>
      <c r="S354" s="181"/>
      <c r="T354" s="181"/>
      <c r="U354" s="181"/>
    </row>
    <row r="355" spans="2:21" ht="54.75" hidden="1" customHeight="1">
      <c r="B355" s="413"/>
      <c r="C355" s="413"/>
      <c r="D355" s="1274"/>
      <c r="E355" s="1274"/>
      <c r="F355" s="1274"/>
      <c r="G355" s="1274"/>
      <c r="H355" s="1274"/>
      <c r="I355" s="1274"/>
      <c r="J355" s="1274"/>
      <c r="M355" s="173"/>
      <c r="N355" s="173"/>
      <c r="O355" s="181"/>
      <c r="P355" s="181"/>
      <c r="Q355" s="181"/>
      <c r="R355" s="181"/>
      <c r="S355" s="181"/>
      <c r="T355" s="181"/>
      <c r="U355" s="181"/>
    </row>
    <row r="356" spans="2:21" ht="16.5" customHeight="1">
      <c r="B356" s="413"/>
      <c r="C356" s="413"/>
      <c r="D356" s="1274"/>
      <c r="E356" s="1274"/>
      <c r="F356" s="1274"/>
      <c r="G356" s="1274"/>
      <c r="H356" s="1274"/>
      <c r="I356" s="1274"/>
      <c r="J356" s="1274"/>
      <c r="M356" s="173"/>
      <c r="N356" s="173"/>
      <c r="O356" s="181"/>
      <c r="P356" s="181"/>
      <c r="Q356" s="181"/>
      <c r="R356" s="181"/>
      <c r="S356" s="181"/>
      <c r="T356" s="181"/>
      <c r="U356" s="181"/>
    </row>
    <row r="357" spans="2:21" ht="98.25" customHeight="1">
      <c r="B357" s="193" t="s">
        <v>201</v>
      </c>
      <c r="C357" s="413"/>
      <c r="D357" s="1423" t="s">
        <v>768</v>
      </c>
      <c r="E357" s="1424"/>
      <c r="F357" s="1424"/>
      <c r="G357" s="1424"/>
      <c r="H357" s="1424"/>
      <c r="I357" s="1424"/>
      <c r="J357" s="1424"/>
      <c r="M357" s="181"/>
      <c r="N357" s="181"/>
      <c r="O357" s="181"/>
      <c r="P357" s="181"/>
      <c r="Q357" s="181"/>
      <c r="R357" s="181"/>
      <c r="S357" s="181"/>
      <c r="T357" s="181"/>
      <c r="U357" s="181"/>
    </row>
    <row r="358" spans="2:21" ht="15.75">
      <c r="B358" s="193"/>
      <c r="C358" s="413"/>
      <c r="D358" s="414"/>
      <c r="E358" s="415"/>
      <c r="F358" s="415"/>
      <c r="G358" s="415"/>
      <c r="H358" s="415"/>
      <c r="I358" s="415"/>
      <c r="J358" s="415"/>
      <c r="M358" s="181"/>
      <c r="N358" s="181"/>
      <c r="O358" s="181"/>
      <c r="P358" s="181"/>
      <c r="Q358" s="181"/>
      <c r="R358" s="181"/>
      <c r="S358" s="181"/>
      <c r="T358" s="181"/>
      <c r="U358" s="181"/>
    </row>
    <row r="359" spans="2:21">
      <c r="B359" s="193" t="s">
        <v>561</v>
      </c>
      <c r="C359" s="416"/>
      <c r="D359" s="1415" t="s">
        <v>607</v>
      </c>
      <c r="E359" s="1415"/>
      <c r="F359" s="1415"/>
      <c r="G359" s="1415"/>
      <c r="H359" s="1415"/>
      <c r="I359" s="1415"/>
      <c r="J359" s="1415"/>
      <c r="K359" s="417"/>
      <c r="M359" s="181"/>
      <c r="N359" s="181"/>
      <c r="O359" s="181"/>
      <c r="P359" s="181"/>
      <c r="Q359" s="181"/>
      <c r="R359" s="181"/>
      <c r="S359" s="181"/>
      <c r="T359" s="181"/>
      <c r="U359" s="181"/>
    </row>
    <row r="360" spans="2:21">
      <c r="B360" s="193"/>
      <c r="C360" s="194"/>
      <c r="D360" s="155" t="s">
        <v>416</v>
      </c>
      <c r="M360" s="181"/>
      <c r="N360" s="181"/>
      <c r="O360" s="181"/>
      <c r="P360" s="181"/>
      <c r="Q360" s="181"/>
      <c r="R360" s="181"/>
      <c r="S360" s="181"/>
      <c r="T360" s="181"/>
      <c r="U360" s="181"/>
    </row>
    <row r="361" spans="2:21">
      <c r="B361" s="193" t="s">
        <v>608</v>
      </c>
      <c r="C361" s="194"/>
      <c r="D361" s="155" t="s">
        <v>609</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10</v>
      </c>
      <c r="C363" s="194"/>
      <c r="D363" s="1415" t="s">
        <v>611</v>
      </c>
      <c r="E363" s="1415"/>
      <c r="F363" s="1415"/>
      <c r="G363" s="1415"/>
      <c r="H363" s="1415"/>
      <c r="I363" s="1415"/>
      <c r="J363" s="1415"/>
      <c r="K363" s="1415"/>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12</v>
      </c>
      <c r="C365" s="173"/>
      <c r="D365" s="1415" t="s">
        <v>616</v>
      </c>
      <c r="E365" s="1415"/>
      <c r="F365" s="1415"/>
      <c r="G365" s="1415"/>
      <c r="H365" s="1415"/>
      <c r="I365" s="1415"/>
      <c r="J365" s="1415"/>
      <c r="K365" s="1415"/>
      <c r="M365" s="181"/>
      <c r="N365" s="181"/>
      <c r="O365" s="181"/>
      <c r="P365" s="181"/>
      <c r="Q365" s="181"/>
      <c r="R365" s="181"/>
      <c r="S365" s="181"/>
      <c r="T365" s="181"/>
      <c r="U365" s="181"/>
    </row>
    <row r="366" spans="2:21">
      <c r="B366" s="1242" t="s">
        <v>643</v>
      </c>
      <c r="C366" s="1243"/>
      <c r="D366" s="1244" t="s">
        <v>644</v>
      </c>
      <c r="E366" s="1245"/>
      <c r="F366" s="1245"/>
      <c r="G366" s="1245"/>
      <c r="H366" s="1023"/>
      <c r="M366" s="181"/>
      <c r="N366" s="181"/>
      <c r="O366" s="181"/>
      <c r="P366" s="181"/>
      <c r="Q366" s="181"/>
      <c r="R366" s="181"/>
      <c r="S366" s="181"/>
      <c r="T366" s="181"/>
      <c r="U366" s="181"/>
    </row>
    <row r="367" spans="2:21">
      <c r="B367" s="1341" t="s">
        <v>841</v>
      </c>
      <c r="C367" s="392"/>
      <c r="D367" s="1422" t="s">
        <v>842</v>
      </c>
      <c r="E367" s="1422"/>
      <c r="F367" s="1422"/>
      <c r="G367" s="1422"/>
      <c r="H367" s="1422"/>
      <c r="I367" s="1422"/>
      <c r="J367" s="1422"/>
      <c r="K367" s="1422"/>
      <c r="M367" s="181"/>
      <c r="N367" s="181"/>
      <c r="O367" s="181"/>
      <c r="P367" s="181"/>
      <c r="Q367" s="181"/>
      <c r="R367" s="181"/>
      <c r="S367" s="181"/>
      <c r="T367" s="181"/>
      <c r="U367" s="181"/>
    </row>
    <row r="368" spans="2:21">
      <c r="B368" s="392"/>
      <c r="C368" s="392"/>
      <c r="D368" s="1422"/>
      <c r="E368" s="1422"/>
      <c r="F368" s="1422"/>
      <c r="G368" s="1422"/>
      <c r="H368" s="1422"/>
      <c r="I368" s="1422"/>
      <c r="J368" s="1422"/>
      <c r="K368" s="1422"/>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10" zoomScale="75" workbookViewId="0">
      <selection activeCell="D69" sqref="D6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t="s">
        <v>416</v>
      </c>
    </row>
    <row r="2" spans="1:11" ht="15.75">
      <c r="A2" s="1006" t="s">
        <v>416</v>
      </c>
    </row>
    <row r="3" spans="1:11">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21"/>
    </row>
    <row r="4" spans="1:11" ht="12.75" customHeight="1">
      <c r="A4" s="1442" t="str">
        <f>"Cost of Service Formula Rate Using Actual/Projected FF1 Balances"</f>
        <v>Cost of Service Formula Rate Using Actual/Projected FF1 Balances</v>
      </c>
      <c r="B4" s="1442"/>
      <c r="C4" s="1442"/>
      <c r="D4" s="1442"/>
      <c r="E4" s="1442"/>
      <c r="F4" s="1442"/>
      <c r="G4" s="1442"/>
      <c r="H4" s="52"/>
      <c r="I4" s="52"/>
      <c r="J4" s="52"/>
      <c r="K4" s="52"/>
    </row>
    <row r="5" spans="1:11" ht="12.75" customHeight="1">
      <c r="A5" s="1442" t="s">
        <v>286</v>
      </c>
      <c r="B5" s="1442"/>
      <c r="C5" s="1442"/>
      <c r="D5" s="1442"/>
      <c r="E5" s="1442"/>
      <c r="F5" s="1442"/>
      <c r="G5" s="1442"/>
    </row>
    <row r="6" spans="1:11" ht="12.75" customHeight="1">
      <c r="A6" s="1453" t="str">
        <f>TCOS!F9</f>
        <v>AEP Indiana Michigan Transmission Company</v>
      </c>
      <c r="B6" s="1453"/>
      <c r="C6" s="1453"/>
      <c r="D6" s="1453"/>
      <c r="E6" s="1453"/>
      <c r="F6" s="1453"/>
      <c r="G6" s="1453"/>
    </row>
    <row r="7" spans="1:11" ht="12.75" customHeight="1">
      <c r="A7" s="1450"/>
      <c r="B7" s="1450"/>
      <c r="C7" s="1450"/>
      <c r="D7" s="1450"/>
      <c r="E7" s="1450"/>
      <c r="F7" s="1450"/>
      <c r="G7" s="25"/>
    </row>
    <row r="8" spans="1:11" ht="18">
      <c r="A8" s="1479"/>
      <c r="B8" s="1479"/>
      <c r="C8" s="1479"/>
      <c r="D8" s="1479"/>
      <c r="E8" s="1479"/>
      <c r="F8" s="1479"/>
      <c r="G8" s="1479"/>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1</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7"/>
      <c r="C18" s="561"/>
      <c r="D18" s="560"/>
      <c r="E18" s="48"/>
      <c r="F18" s="48"/>
      <c r="G18" s="22"/>
    </row>
    <row r="19" spans="1:7">
      <c r="A19" s="32">
        <f>+A18+1</f>
        <v>2</v>
      </c>
      <c r="B19" s="968"/>
      <c r="C19" s="969"/>
      <c r="D19" s="560"/>
      <c r="E19" s="48"/>
      <c r="F19" s="48"/>
      <c r="G19" s="22"/>
    </row>
    <row r="20" spans="1:7" ht="15.75">
      <c r="A20" s="32">
        <f>+A19+1</f>
        <v>3</v>
      </c>
      <c r="B20" s="970"/>
      <c r="C20" s="561"/>
      <c r="D20" s="560"/>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58"/>
      <c r="E24" s="23"/>
      <c r="F24" s="23"/>
      <c r="G24" s="33"/>
    </row>
    <row r="25" spans="1:7" ht="15.75">
      <c r="A25" s="137">
        <f>+A24+1</f>
        <v>6</v>
      </c>
      <c r="B25" s="138" t="s">
        <v>185</v>
      </c>
      <c r="C25" s="138" t="s">
        <v>182</v>
      </c>
      <c r="D25" s="560">
        <v>0</v>
      </c>
      <c r="E25" s="23"/>
      <c r="F25" s="23"/>
      <c r="G25" s="33"/>
    </row>
    <row r="26" spans="1:7" ht="15.75">
      <c r="A26" s="32">
        <f>+A25+1</f>
        <v>7</v>
      </c>
      <c r="B26" s="136" t="s">
        <v>186</v>
      </c>
      <c r="C26" s="136" t="s">
        <v>183</v>
      </c>
      <c r="D26" s="560">
        <v>1624000</v>
      </c>
      <c r="E26" s="23"/>
      <c r="F26" s="23"/>
      <c r="G26" s="33"/>
    </row>
    <row r="27" spans="1:7" ht="15.75">
      <c r="A27" s="137">
        <f t="shared" ref="A27:A32" si="0">+A26+1</f>
        <v>8</v>
      </c>
      <c r="B27" s="138" t="s">
        <v>187</v>
      </c>
      <c r="C27" s="138" t="s">
        <v>184</v>
      </c>
      <c r="D27" s="560">
        <v>0</v>
      </c>
      <c r="E27" s="23"/>
      <c r="F27" s="23"/>
      <c r="G27" s="33"/>
    </row>
    <row r="28" spans="1:7" ht="15.75">
      <c r="A28" s="32">
        <f t="shared" si="0"/>
        <v>9</v>
      </c>
      <c r="B28" s="136" t="s">
        <v>188</v>
      </c>
      <c r="C28" s="136" t="s">
        <v>192</v>
      </c>
      <c r="D28" s="560">
        <v>0</v>
      </c>
      <c r="E28" s="23"/>
      <c r="F28" s="23"/>
      <c r="G28" s="33"/>
    </row>
    <row r="29" spans="1:7" ht="15.75">
      <c r="A29" s="137">
        <f t="shared" si="0"/>
        <v>10</v>
      </c>
      <c r="B29" s="138" t="s">
        <v>189</v>
      </c>
      <c r="C29" s="138" t="s">
        <v>195</v>
      </c>
      <c r="D29" s="560">
        <v>1025000</v>
      </c>
      <c r="E29" s="23"/>
      <c r="F29" s="23"/>
      <c r="G29" s="33"/>
    </row>
    <row r="30" spans="1:7" ht="15.75">
      <c r="A30" s="32">
        <f t="shared" si="0"/>
        <v>11</v>
      </c>
      <c r="B30" s="136" t="s">
        <v>190</v>
      </c>
      <c r="C30" s="136" t="s">
        <v>196</v>
      </c>
      <c r="D30" s="560">
        <v>0</v>
      </c>
      <c r="E30" s="23"/>
      <c r="F30" s="23"/>
      <c r="G30" s="33"/>
    </row>
    <row r="31" spans="1:7" ht="15.75">
      <c r="A31" s="137">
        <f t="shared" si="0"/>
        <v>12</v>
      </c>
      <c r="B31" s="138" t="s">
        <v>191</v>
      </c>
      <c r="C31" s="138" t="s">
        <v>197</v>
      </c>
      <c r="D31" s="560">
        <v>0</v>
      </c>
      <c r="E31" s="23"/>
      <c r="F31" s="23"/>
      <c r="G31" s="33"/>
    </row>
    <row r="32" spans="1:7" ht="15.75">
      <c r="A32" s="32">
        <f t="shared" si="0"/>
        <v>13</v>
      </c>
      <c r="B32" s="136" t="s">
        <v>193</v>
      </c>
      <c r="C32" s="136" t="s">
        <v>198</v>
      </c>
      <c r="D32" s="560">
        <v>0</v>
      </c>
      <c r="E32" s="23"/>
      <c r="F32" s="23"/>
      <c r="G32" s="33"/>
    </row>
    <row r="33" spans="1:19" ht="15.75">
      <c r="A33" s="137">
        <f>+A32+1</f>
        <v>14</v>
      </c>
      <c r="B33" s="138"/>
      <c r="C33" s="19" t="s">
        <v>194</v>
      </c>
      <c r="D33" s="41">
        <f>SUM(D24:D32)</f>
        <v>2649000</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67"/>
      <c r="C36" s="561"/>
      <c r="D36" s="560"/>
      <c r="E36" s="23">
        <f t="shared" ref="E36:E41" si="1">+D36</f>
        <v>0</v>
      </c>
      <c r="F36" s="23">
        <v>0</v>
      </c>
      <c r="G36" s="22"/>
    </row>
    <row r="37" spans="1:19">
      <c r="A37" s="32">
        <f>+A36+1</f>
        <v>16</v>
      </c>
      <c r="B37" s="967"/>
      <c r="C37" s="561"/>
      <c r="D37" s="560"/>
      <c r="E37" s="23">
        <f t="shared" si="1"/>
        <v>0</v>
      </c>
      <c r="F37" s="23">
        <v>0</v>
      </c>
      <c r="G37" s="22"/>
    </row>
    <row r="38" spans="1:19">
      <c r="A38" s="32">
        <f>+A37+1</f>
        <v>17</v>
      </c>
      <c r="B38" s="967"/>
      <c r="C38" s="561"/>
      <c r="D38" s="560"/>
      <c r="E38" s="23">
        <f t="shared" si="1"/>
        <v>0</v>
      </c>
      <c r="F38" s="23">
        <v>0</v>
      </c>
      <c r="G38" s="22"/>
    </row>
    <row r="39" spans="1:19">
      <c r="A39" s="32">
        <f>+A38+1</f>
        <v>18</v>
      </c>
      <c r="B39" s="967"/>
      <c r="C39" s="561"/>
      <c r="D39" s="560"/>
      <c r="E39" s="23">
        <f t="shared" si="1"/>
        <v>0</v>
      </c>
      <c r="F39" s="23">
        <v>0</v>
      </c>
      <c r="G39" s="50"/>
    </row>
    <row r="40" spans="1:19">
      <c r="A40" s="32">
        <f>+A39+1</f>
        <v>19</v>
      </c>
      <c r="B40" s="967"/>
      <c r="C40" s="561"/>
      <c r="D40" s="560"/>
      <c r="E40" s="23">
        <f t="shared" si="1"/>
        <v>0</v>
      </c>
      <c r="F40" s="23">
        <v>0</v>
      </c>
      <c r="G40" s="50"/>
    </row>
    <row r="41" spans="1:19">
      <c r="A41" s="32">
        <f>+A40+1</f>
        <v>20</v>
      </c>
      <c r="B41" s="967"/>
      <c r="C41" s="561"/>
      <c r="D41" s="560"/>
      <c r="E41" s="23">
        <f t="shared" si="1"/>
        <v>0</v>
      </c>
      <c r="F41" s="23">
        <v>0</v>
      </c>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59" t="s">
        <v>633</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67"/>
      <c r="C47" s="561"/>
      <c r="D47" s="562"/>
      <c r="E47" s="23">
        <f>+D47</f>
        <v>0</v>
      </c>
      <c r="F47" s="23">
        <v>0</v>
      </c>
      <c r="G47"/>
      <c r="M47" s="12"/>
      <c r="N47" s="44"/>
      <c r="O47" s="45"/>
      <c r="P47" s="45"/>
      <c r="Q47" s="45"/>
      <c r="R47" s="45"/>
      <c r="S47" s="14"/>
    </row>
    <row r="48" spans="1:19">
      <c r="A48" s="32">
        <f>+A47+1</f>
        <v>23</v>
      </c>
      <c r="B48" s="967"/>
      <c r="C48" s="561"/>
      <c r="D48" s="562"/>
      <c r="E48" s="23">
        <f t="shared" ref="E48:E62" si="2">+D48</f>
        <v>0</v>
      </c>
      <c r="F48" s="23">
        <v>0</v>
      </c>
      <c r="G48"/>
      <c r="M48" s="12"/>
      <c r="N48" s="44"/>
      <c r="O48" s="45"/>
      <c r="P48" s="45"/>
      <c r="Q48" s="45"/>
      <c r="R48" s="45"/>
      <c r="S48" s="14"/>
    </row>
    <row r="49" spans="1:19">
      <c r="A49" s="32">
        <f t="shared" ref="A49:A62" si="3">+A48+1</f>
        <v>24</v>
      </c>
      <c r="B49" s="967"/>
      <c r="C49" s="561"/>
      <c r="D49" s="562"/>
      <c r="E49" s="23">
        <f t="shared" si="2"/>
        <v>0</v>
      </c>
      <c r="F49" s="23">
        <v>0</v>
      </c>
      <c r="G49"/>
      <c r="M49" s="12"/>
      <c r="N49" s="44"/>
      <c r="O49" s="45"/>
      <c r="P49" s="45"/>
      <c r="Q49" s="45"/>
      <c r="R49" s="45"/>
      <c r="S49" s="14"/>
    </row>
    <row r="50" spans="1:19">
      <c r="A50" s="32">
        <f t="shared" si="3"/>
        <v>25</v>
      </c>
      <c r="B50" s="967"/>
      <c r="C50" s="561"/>
      <c r="D50" s="562"/>
      <c r="E50" s="23">
        <f t="shared" si="2"/>
        <v>0</v>
      </c>
      <c r="F50" s="23">
        <v>0</v>
      </c>
      <c r="G50"/>
      <c r="M50" s="12"/>
      <c r="N50" s="44"/>
      <c r="O50" s="45"/>
      <c r="P50" s="45"/>
      <c r="Q50" s="45"/>
      <c r="R50" s="45"/>
      <c r="S50" s="14"/>
    </row>
    <row r="51" spans="1:19">
      <c r="A51" s="32">
        <f t="shared" si="3"/>
        <v>26</v>
      </c>
      <c r="B51" s="967"/>
      <c r="C51" s="561"/>
      <c r="D51" s="562"/>
      <c r="E51" s="23">
        <f t="shared" si="2"/>
        <v>0</v>
      </c>
      <c r="F51" s="23"/>
      <c r="G51"/>
      <c r="M51" s="12"/>
      <c r="N51" s="44"/>
      <c r="O51" s="45"/>
      <c r="P51" s="45"/>
      <c r="Q51" s="45"/>
      <c r="R51" s="45"/>
      <c r="S51" s="14"/>
    </row>
    <row r="52" spans="1:19">
      <c r="A52" s="32">
        <f t="shared" si="3"/>
        <v>27</v>
      </c>
      <c r="B52" s="967"/>
      <c r="C52" s="561"/>
      <c r="D52" s="562"/>
      <c r="E52" s="23">
        <f t="shared" si="2"/>
        <v>0</v>
      </c>
      <c r="F52" s="23">
        <v>0</v>
      </c>
      <c r="G52"/>
      <c r="M52" s="12"/>
      <c r="N52" s="44"/>
      <c r="O52" s="45"/>
      <c r="P52" s="45"/>
      <c r="Q52" s="45"/>
      <c r="R52" s="45"/>
      <c r="S52" s="14"/>
    </row>
    <row r="53" spans="1:19">
      <c r="A53" s="32">
        <f t="shared" si="3"/>
        <v>28</v>
      </c>
      <c r="B53" s="967"/>
      <c r="C53" s="561"/>
      <c r="D53" s="562"/>
      <c r="E53" s="23">
        <f t="shared" si="2"/>
        <v>0</v>
      </c>
      <c r="F53" s="23">
        <v>0</v>
      </c>
      <c r="G53"/>
      <c r="M53" s="12"/>
      <c r="N53" s="44"/>
      <c r="O53" s="45"/>
      <c r="P53" s="45"/>
      <c r="Q53" s="45"/>
      <c r="R53" s="45"/>
      <c r="S53" s="14"/>
    </row>
    <row r="54" spans="1:19">
      <c r="A54" s="32">
        <f t="shared" si="3"/>
        <v>29</v>
      </c>
      <c r="B54" s="967"/>
      <c r="C54" s="561"/>
      <c r="D54" s="562"/>
      <c r="E54" s="23">
        <f t="shared" si="2"/>
        <v>0</v>
      </c>
      <c r="F54" s="23">
        <v>0</v>
      </c>
      <c r="G54"/>
      <c r="M54" s="12"/>
      <c r="N54" s="44"/>
      <c r="O54" s="45"/>
      <c r="P54" s="45"/>
      <c r="Q54" s="45"/>
      <c r="R54" s="45"/>
      <c r="S54" s="14"/>
    </row>
    <row r="55" spans="1:19">
      <c r="A55" s="32">
        <f t="shared" si="3"/>
        <v>30</v>
      </c>
      <c r="B55" s="967"/>
      <c r="C55" s="561"/>
      <c r="D55" s="562"/>
      <c r="E55" s="23">
        <f t="shared" si="2"/>
        <v>0</v>
      </c>
      <c r="F55" s="23">
        <v>0</v>
      </c>
      <c r="G55"/>
      <c r="M55" s="12"/>
      <c r="N55" s="44"/>
      <c r="O55" s="45"/>
      <c r="P55" s="45"/>
      <c r="Q55" s="45"/>
      <c r="R55" s="45"/>
      <c r="S55" s="14"/>
    </row>
    <row r="56" spans="1:19">
      <c r="A56" s="32">
        <f t="shared" si="3"/>
        <v>31</v>
      </c>
      <c r="B56" s="967"/>
      <c r="C56" s="561"/>
      <c r="D56" s="562"/>
      <c r="E56" s="23">
        <f t="shared" si="2"/>
        <v>0</v>
      </c>
      <c r="F56" s="23">
        <v>0</v>
      </c>
      <c r="G56"/>
      <c r="M56" s="12"/>
      <c r="N56" s="44"/>
      <c r="O56" s="45"/>
      <c r="P56" s="45"/>
      <c r="Q56" s="45"/>
      <c r="R56" s="45"/>
      <c r="S56" s="14"/>
    </row>
    <row r="57" spans="1:19">
      <c r="A57" s="32">
        <f t="shared" si="3"/>
        <v>32</v>
      </c>
      <c r="B57" s="967"/>
      <c r="C57" s="561"/>
      <c r="D57" s="562"/>
      <c r="E57" s="23">
        <f t="shared" si="2"/>
        <v>0</v>
      </c>
      <c r="F57" s="29">
        <v>0</v>
      </c>
      <c r="G57"/>
      <c r="M57" s="12"/>
      <c r="N57" s="44"/>
      <c r="O57" s="45"/>
      <c r="P57" s="45"/>
      <c r="Q57" s="45"/>
      <c r="R57" s="45"/>
      <c r="S57" s="14"/>
    </row>
    <row r="58" spans="1:19">
      <c r="A58" s="32">
        <f t="shared" si="3"/>
        <v>33</v>
      </c>
      <c r="B58" s="967"/>
      <c r="C58" s="561"/>
      <c r="D58" s="562"/>
      <c r="E58" s="23">
        <f t="shared" si="2"/>
        <v>0</v>
      </c>
      <c r="F58" s="29">
        <v>0</v>
      </c>
      <c r="G58"/>
    </row>
    <row r="59" spans="1:19">
      <c r="A59" s="32">
        <f t="shared" si="3"/>
        <v>34</v>
      </c>
      <c r="B59" s="967"/>
      <c r="C59" s="561"/>
      <c r="D59" s="562"/>
      <c r="E59" s="23">
        <f t="shared" si="2"/>
        <v>0</v>
      </c>
      <c r="F59" s="29">
        <v>0</v>
      </c>
      <c r="G59" s="25"/>
    </row>
    <row r="60" spans="1:19">
      <c r="A60" s="32">
        <f t="shared" si="3"/>
        <v>35</v>
      </c>
      <c r="B60" s="967"/>
      <c r="C60" s="561"/>
      <c r="D60" s="562"/>
      <c r="E60" s="23">
        <f t="shared" si="2"/>
        <v>0</v>
      </c>
      <c r="F60" s="29">
        <v>0</v>
      </c>
      <c r="G60" s="25"/>
    </row>
    <row r="61" spans="1:19">
      <c r="A61" s="32">
        <f t="shared" si="3"/>
        <v>36</v>
      </c>
      <c r="B61" s="967"/>
      <c r="C61" s="561"/>
      <c r="D61" s="562"/>
      <c r="E61" s="23">
        <f t="shared" si="2"/>
        <v>0</v>
      </c>
      <c r="F61" s="29">
        <v>0</v>
      </c>
      <c r="G61" s="25"/>
    </row>
    <row r="62" spans="1:19">
      <c r="A62" s="32">
        <f t="shared" si="3"/>
        <v>37</v>
      </c>
      <c r="B62" s="967"/>
      <c r="C62" s="561"/>
      <c r="D62" s="562"/>
      <c r="E62" s="23">
        <f t="shared" si="2"/>
        <v>0</v>
      </c>
      <c r="F62" s="29">
        <v>0</v>
      </c>
      <c r="G62" s="25"/>
    </row>
    <row r="63" spans="1:19">
      <c r="A63" s="32"/>
      <c r="B63" s="24"/>
      <c r="C63" s="25"/>
      <c r="D63" s="34"/>
      <c r="E63" s="35"/>
      <c r="F63" s="34"/>
      <c r="G63" s="25"/>
    </row>
    <row r="64" spans="1:19" ht="15.75">
      <c r="A64" s="32">
        <f>+A62+1</f>
        <v>38</v>
      </c>
      <c r="B64" s="30"/>
      <c r="C64" s="1259" t="s">
        <v>634</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1313">
        <v>9302000</v>
      </c>
      <c r="C67" s="561" t="s">
        <v>811</v>
      </c>
      <c r="D67" s="562">
        <v>59000</v>
      </c>
      <c r="E67" s="23">
        <f>D67</f>
        <v>59000</v>
      </c>
      <c r="F67" s="29">
        <v>0</v>
      </c>
      <c r="G67" s="12"/>
      <c r="H67" s="44"/>
      <c r="J67" s="14"/>
      <c r="K67" s="14"/>
    </row>
    <row r="68" spans="1:11">
      <c r="A68" s="32">
        <f>+A67+1</f>
        <v>40</v>
      </c>
      <c r="B68" s="1313">
        <v>9302003</v>
      </c>
      <c r="C68" s="561" t="s">
        <v>812</v>
      </c>
      <c r="D68" s="562">
        <v>6000</v>
      </c>
      <c r="E68" s="23">
        <f>D68</f>
        <v>6000</v>
      </c>
      <c r="F68" s="29">
        <v>0</v>
      </c>
      <c r="G68" s="12"/>
      <c r="H68" s="44"/>
      <c r="J68" s="14"/>
      <c r="K68" s="14"/>
    </row>
    <row r="69" spans="1:11">
      <c r="A69" s="32">
        <f>+A68+1</f>
        <v>41</v>
      </c>
      <c r="B69" s="1313">
        <v>9302004</v>
      </c>
      <c r="C69" s="561" t="s">
        <v>813</v>
      </c>
      <c r="D69" s="562">
        <v>0</v>
      </c>
      <c r="E69" s="23">
        <f>D69</f>
        <v>0</v>
      </c>
      <c r="F69" s="29">
        <v>0</v>
      </c>
      <c r="G69" s="12"/>
      <c r="H69" s="44"/>
      <c r="J69" s="14"/>
      <c r="K69" s="14"/>
    </row>
    <row r="70" spans="1:11">
      <c r="A70" s="32">
        <f>+A69+1</f>
        <v>42</v>
      </c>
      <c r="B70" s="1313">
        <v>9302007</v>
      </c>
      <c r="C70" s="561" t="s">
        <v>814</v>
      </c>
      <c r="D70" s="562">
        <v>-37000</v>
      </c>
      <c r="E70" s="23">
        <v>0</v>
      </c>
      <c r="F70" s="29">
        <v>-37000</v>
      </c>
      <c r="G70" s="20"/>
    </row>
    <row r="71" spans="1:11">
      <c r="A71" s="32"/>
      <c r="B71" s="20"/>
      <c r="C71" s="20"/>
      <c r="D71" s="20"/>
      <c r="E71" s="20"/>
      <c r="F71" s="20"/>
      <c r="G71" s="20"/>
    </row>
    <row r="72" spans="1:11" ht="15.75">
      <c r="A72" s="32">
        <f>+A70+1</f>
        <v>43</v>
      </c>
      <c r="B72" s="20"/>
      <c r="C72" s="1259" t="s">
        <v>635</v>
      </c>
      <c r="D72" s="36">
        <f>SUM(D67:D71)</f>
        <v>28000</v>
      </c>
      <c r="E72" s="36">
        <f>SUM(E67:E71)</f>
        <v>65000</v>
      </c>
      <c r="F72" s="36">
        <f>SUM(F67:F71)</f>
        <v>-37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10"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t="s">
        <v>416</v>
      </c>
    </row>
    <row r="2" spans="1:15" ht="15.75">
      <c r="A2" s="1006" t="s">
        <v>416</v>
      </c>
    </row>
    <row r="3" spans="1:15"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row>
    <row r="4" spans="1:15" ht="15">
      <c r="A4" s="1464" t="str">
        <f>"Cost of Service Formula Rate Using Actual/Projected FF1 Balances"</f>
        <v>Cost of Service Formula Rate Using Actual/Projected FF1 Balances</v>
      </c>
      <c r="B4" s="1464"/>
      <c r="C4" s="1464"/>
      <c r="D4" s="1464"/>
      <c r="E4" s="1464"/>
      <c r="F4" s="1464"/>
      <c r="G4" s="1464"/>
      <c r="H4" s="1464"/>
    </row>
    <row r="5" spans="1:15" ht="15">
      <c r="A5" s="1464" t="s">
        <v>336</v>
      </c>
      <c r="B5" s="1464"/>
      <c r="C5" s="1464"/>
      <c r="D5" s="1464"/>
      <c r="E5" s="1464"/>
      <c r="F5" s="1464"/>
      <c r="G5" s="1464"/>
      <c r="H5" s="1464"/>
    </row>
    <row r="6" spans="1:15" ht="15">
      <c r="A6" s="1465" t="str">
        <f>TCOS!F9</f>
        <v>AEP Indiana Michigan Transmission Company</v>
      </c>
      <c r="B6" s="1465"/>
      <c r="C6" s="1465"/>
      <c r="D6" s="1465"/>
      <c r="E6" s="1465"/>
      <c r="F6" s="1465"/>
      <c r="G6" s="1465"/>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32</v>
      </c>
      <c r="C9" s="568"/>
      <c r="D9" s="569"/>
      <c r="E9" s="575">
        <v>5.3749999999999999E-2</v>
      </c>
      <c r="F9" s="394"/>
      <c r="G9" s="570"/>
      <c r="H9" s="570"/>
      <c r="L9" s="571"/>
    </row>
    <row r="10" spans="1:15" ht="15">
      <c r="A10" s="571"/>
      <c r="B10" s="567" t="s">
        <v>621</v>
      </c>
      <c r="C10" s="568"/>
      <c r="D10" s="568"/>
      <c r="E10" s="576">
        <v>0.83356300000000005</v>
      </c>
      <c r="F10" s="394"/>
      <c r="G10" s="570"/>
      <c r="H10" s="570"/>
      <c r="L10" s="571"/>
    </row>
    <row r="11" spans="1:15" ht="15">
      <c r="A11" s="571"/>
      <c r="B11" s="567" t="s">
        <v>236</v>
      </c>
      <c r="C11" s="568"/>
      <c r="D11" s="568"/>
      <c r="E11" s="393"/>
      <c r="F11" s="572">
        <f>ROUND(E9*E10,4)</f>
        <v>4.48E-2</v>
      </c>
      <c r="G11" s="570"/>
      <c r="L11" s="571"/>
    </row>
    <row r="12" spans="1:15" ht="15">
      <c r="A12" s="571"/>
      <c r="B12" s="567"/>
      <c r="C12" s="568"/>
      <c r="D12" s="568"/>
      <c r="E12" s="393"/>
      <c r="F12" s="572"/>
      <c r="G12" s="570"/>
      <c r="L12" s="571"/>
    </row>
    <row r="13" spans="1:15" ht="15">
      <c r="A13" s="571">
        <f>A9+1</f>
        <v>2</v>
      </c>
      <c r="B13" s="577" t="s">
        <v>833</v>
      </c>
      <c r="C13" s="568"/>
      <c r="D13" s="569"/>
      <c r="E13" s="575">
        <v>0.06</v>
      </c>
      <c r="F13" s="394"/>
      <c r="G13" s="570"/>
      <c r="L13" s="571"/>
    </row>
    <row r="14" spans="1:15" ht="15">
      <c r="A14" s="571"/>
      <c r="B14" s="567" t="s">
        <v>621</v>
      </c>
      <c r="C14" s="568"/>
      <c r="D14" s="568"/>
      <c r="E14" s="576">
        <v>0.16064999999999999</v>
      </c>
      <c r="F14" s="394"/>
      <c r="G14" s="570"/>
      <c r="L14" s="571"/>
    </row>
    <row r="15" spans="1:15" ht="15">
      <c r="A15" s="571"/>
      <c r="B15" s="567" t="s">
        <v>236</v>
      </c>
      <c r="C15" s="568"/>
      <c r="D15" s="568"/>
      <c r="E15" s="393"/>
      <c r="F15" s="572">
        <f>ROUND(E13*E14,4)</f>
        <v>9.5999999999999992E-3</v>
      </c>
      <c r="G15" s="570"/>
      <c r="L15" s="571"/>
    </row>
    <row r="16" spans="1:15" ht="15">
      <c r="A16" s="571"/>
      <c r="B16" s="567"/>
      <c r="C16" s="568"/>
      <c r="D16" s="568"/>
      <c r="E16" s="393"/>
      <c r="F16" s="572"/>
      <c r="G16" s="570"/>
      <c r="L16" s="571"/>
    </row>
    <row r="17" spans="1:12" ht="15">
      <c r="A17" s="571">
        <f>A13+1</f>
        <v>3</v>
      </c>
      <c r="B17" s="577" t="s">
        <v>113</v>
      </c>
      <c r="C17" s="568"/>
      <c r="D17" s="569"/>
      <c r="E17" s="575"/>
      <c r="F17" s="394"/>
      <c r="G17" s="570"/>
      <c r="L17" s="571"/>
    </row>
    <row r="18" spans="1:12" ht="15">
      <c r="A18" s="571"/>
      <c r="B18" s="567" t="s">
        <v>621</v>
      </c>
      <c r="C18" s="568"/>
      <c r="D18" s="568"/>
      <c r="E18" s="576"/>
      <c r="F18" s="394"/>
      <c r="G18" s="570"/>
      <c r="L18" s="571"/>
    </row>
    <row r="19" spans="1:12" ht="15">
      <c r="A19" s="571"/>
      <c r="B19" s="567" t="s">
        <v>236</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13</v>
      </c>
      <c r="C21" s="568"/>
      <c r="D21" s="569"/>
      <c r="E21" s="575"/>
      <c r="F21" s="394"/>
      <c r="G21" s="570"/>
      <c r="L21" s="571"/>
    </row>
    <row r="22" spans="1:12" ht="15">
      <c r="A22" s="571"/>
      <c r="B22" s="567" t="s">
        <v>621</v>
      </c>
      <c r="C22" s="568"/>
      <c r="D22" s="568"/>
      <c r="E22" s="576"/>
      <c r="F22" s="394"/>
      <c r="G22" s="570"/>
      <c r="L22" s="571"/>
    </row>
    <row r="23" spans="1:12" ht="15">
      <c r="A23" s="571"/>
      <c r="B23" s="567" t="s">
        <v>236</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13</v>
      </c>
      <c r="C25" s="568"/>
      <c r="D25" s="569"/>
      <c r="E25" s="575"/>
      <c r="F25" s="573"/>
      <c r="G25" s="570"/>
      <c r="L25" s="571"/>
    </row>
    <row r="26" spans="1:12" ht="15">
      <c r="A26" s="571"/>
      <c r="B26" s="567" t="s">
        <v>621</v>
      </c>
      <c r="C26" s="568"/>
      <c r="D26" s="568"/>
      <c r="E26" s="576"/>
      <c r="F26" s="573"/>
      <c r="G26" s="570"/>
      <c r="L26" s="571"/>
    </row>
    <row r="27" spans="1:12" ht="15">
      <c r="A27" s="571"/>
      <c r="B27" s="567" t="s">
        <v>236</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95</v>
      </c>
      <c r="C29" s="393"/>
      <c r="D29" s="393"/>
      <c r="E29" s="393"/>
      <c r="F29" s="574">
        <f>ROUND(SUM(F11:F28),4)</f>
        <v>5.4399999999999997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95</v>
      </c>
      <c r="B34" s="348" t="s">
        <v>200</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zoomScale="60" zoomScaleNormal="80" zoomScalePageLayoutView="50" workbookViewId="0">
      <selection activeCell="D23" sqref="D2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6" t="s">
        <v>416</v>
      </c>
    </row>
    <row r="2" spans="1:29" ht="15.75">
      <c r="A2" s="1006" t="s">
        <v>416</v>
      </c>
    </row>
    <row r="3" spans="1:29" ht="18.75" customHeight="1">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1441" t="str">
        <f>TCOS!$F$5</f>
        <v>AEPTCo subsidiaries in PJM</v>
      </c>
      <c r="K3" s="1441" t="str">
        <f>TCOS!$F$5</f>
        <v>AEPTCo subsidiaries in PJM</v>
      </c>
      <c r="L3" s="1441" t="str">
        <f>TCOS!$F$5</f>
        <v>AEPTCo subsidiaries in PJM</v>
      </c>
      <c r="M3" s="1441" t="str">
        <f>TCOS!$F$5</f>
        <v>AEPTCo subsidiaries in PJM</v>
      </c>
    </row>
    <row r="4" spans="1:29" ht="18.75" customHeight="1">
      <c r="A4" s="1464" t="str">
        <f>"Cost of Service Formula Rate Using Actual/Projected FF1 Balances"</f>
        <v>Cost of Service Formula Rate Using Actual/Projected FF1 Balances</v>
      </c>
      <c r="B4" s="1464"/>
      <c r="C4" s="1464"/>
      <c r="D4" s="1464"/>
      <c r="E4" s="1464"/>
      <c r="F4" s="1464"/>
      <c r="G4" s="1464"/>
      <c r="H4" s="1464"/>
      <c r="I4" s="1464"/>
      <c r="J4" s="1464"/>
      <c r="K4" s="1464"/>
      <c r="L4" s="1464"/>
      <c r="M4" s="1464"/>
    </row>
    <row r="5" spans="1:29" ht="18.75" customHeight="1">
      <c r="A5" s="1464" t="s">
        <v>255</v>
      </c>
      <c r="B5" s="1464"/>
      <c r="C5" s="1464"/>
      <c r="D5" s="1464"/>
      <c r="E5" s="1464"/>
      <c r="F5" s="1464"/>
      <c r="G5" s="1464"/>
      <c r="H5" s="1464"/>
      <c r="I5" s="1464"/>
      <c r="J5" s="1464"/>
      <c r="K5" s="1464"/>
      <c r="L5" s="1464"/>
      <c r="M5" s="1464"/>
    </row>
    <row r="6" spans="1:29" ht="18.75" customHeight="1">
      <c r="A6" s="1481" t="str">
        <f>TCOS!F9</f>
        <v>AEP Indiana Michigan Transmission Company</v>
      </c>
      <c r="B6" s="1481"/>
      <c r="C6" s="1481"/>
      <c r="D6" s="1481"/>
      <c r="E6" s="1481"/>
      <c r="F6" s="1481"/>
      <c r="G6" s="1481"/>
      <c r="H6" s="1481"/>
      <c r="I6" s="1481"/>
      <c r="J6" s="1481"/>
      <c r="K6" s="1481"/>
      <c r="L6" s="1481"/>
      <c r="M6" s="1481"/>
    </row>
    <row r="7" spans="1:29" ht="18" customHeight="1">
      <c r="A7" s="1465"/>
      <c r="B7" s="1465"/>
      <c r="C7" s="1465"/>
      <c r="D7" s="1465"/>
      <c r="E7" s="1465"/>
      <c r="F7" s="1465"/>
      <c r="G7" s="1465"/>
      <c r="H7" s="1465"/>
      <c r="I7" s="1465"/>
      <c r="J7" s="1465"/>
      <c r="K7" s="1465"/>
      <c r="L7" s="1465"/>
      <c r="M7" s="1465"/>
    </row>
    <row r="8" spans="1:29" ht="18" customHeight="1">
      <c r="A8" s="1477"/>
      <c r="B8" s="1477"/>
      <c r="C8" s="1477"/>
      <c r="D8" s="1477"/>
      <c r="E8" s="1477"/>
      <c r="F8" s="1477"/>
      <c r="G8" s="1477"/>
      <c r="H8" s="1477"/>
      <c r="I8" s="1477"/>
      <c r="J8" s="1477"/>
      <c r="K8" s="1477"/>
      <c r="L8" s="1477"/>
      <c r="M8" s="1477"/>
    </row>
    <row r="9" spans="1:29" ht="18" customHeight="1">
      <c r="A9" s="521"/>
      <c r="B9" s="521"/>
      <c r="C9" s="521"/>
      <c r="D9" s="521"/>
      <c r="E9" s="521"/>
      <c r="F9" s="521"/>
      <c r="G9" s="521"/>
      <c r="H9" s="521"/>
      <c r="I9" s="521"/>
      <c r="J9" s="521"/>
      <c r="K9" s="521"/>
      <c r="L9" s="521"/>
      <c r="M9" s="521"/>
    </row>
    <row r="10" spans="1:29" ht="19.5" customHeight="1">
      <c r="A10" s="580"/>
      <c r="B10" s="581"/>
      <c r="C10" s="582" t="s">
        <v>462</v>
      </c>
      <c r="E10" s="582" t="s">
        <v>463</v>
      </c>
      <c r="G10" s="582" t="s">
        <v>464</v>
      </c>
      <c r="I10" s="582" t="s">
        <v>465</v>
      </c>
      <c r="K10" s="582" t="s">
        <v>385</v>
      </c>
      <c r="M10" s="582" t="s">
        <v>386</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69</v>
      </c>
      <c r="B12" s="585"/>
      <c r="C12" s="585"/>
      <c r="D12" s="585"/>
      <c r="E12" s="586" t="s">
        <v>420</v>
      </c>
      <c r="F12" s="584"/>
      <c r="G12" s="584"/>
      <c r="H12" s="584"/>
      <c r="I12" s="584"/>
      <c r="J12" s="584"/>
      <c r="K12" s="587"/>
      <c r="L12" s="587"/>
      <c r="M12" s="588"/>
    </row>
    <row r="13" spans="1:29" ht="19.5">
      <c r="A13" s="589" t="s">
        <v>419</v>
      </c>
      <c r="B13" s="585"/>
      <c r="C13" s="589" t="s">
        <v>110</v>
      </c>
      <c r="D13" s="585"/>
      <c r="E13" s="590" t="s">
        <v>483</v>
      </c>
      <c r="F13" s="584"/>
      <c r="G13" s="589" t="s">
        <v>114</v>
      </c>
      <c r="H13" s="584"/>
      <c r="I13" s="589" t="s">
        <v>461</v>
      </c>
      <c r="J13" s="584"/>
      <c r="K13" s="591" t="s">
        <v>481</v>
      </c>
      <c r="L13" s="592"/>
      <c r="M13" s="591" t="s">
        <v>115</v>
      </c>
    </row>
    <row r="14" spans="1:29" ht="19.5">
      <c r="A14" s="593"/>
      <c r="B14" s="581"/>
      <c r="C14" s="594"/>
      <c r="D14" s="594"/>
      <c r="E14" s="594" t="s">
        <v>333</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26</v>
      </c>
      <c r="D16" s="581"/>
      <c r="E16" s="595"/>
      <c r="F16" s="595"/>
      <c r="G16" s="600"/>
      <c r="H16" s="600"/>
      <c r="I16" s="600"/>
      <c r="J16" s="600"/>
      <c r="K16" s="600"/>
      <c r="L16" s="600"/>
      <c r="M16" s="601"/>
    </row>
    <row r="17" spans="1:15" ht="19.5">
      <c r="A17" s="580">
        <f>+A16+1</f>
        <v>2</v>
      </c>
      <c r="B17" s="581"/>
      <c r="C17" s="597" t="s">
        <v>111</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27</v>
      </c>
      <c r="D19" s="581"/>
      <c r="E19" s="603"/>
      <c r="F19" s="595"/>
      <c r="G19" s="600"/>
      <c r="H19" s="600"/>
      <c r="I19" s="600"/>
      <c r="J19" s="600"/>
      <c r="K19" s="600"/>
      <c r="L19" s="600"/>
      <c r="M19" s="601"/>
    </row>
    <row r="20" spans="1:15" ht="19.5">
      <c r="A20" s="580">
        <f>+A19+1</f>
        <v>4</v>
      </c>
      <c r="B20" s="581"/>
      <c r="C20" s="597" t="s">
        <v>817</v>
      </c>
      <c r="D20" s="597"/>
      <c r="E20" s="602">
        <f>'WS H-p2 Detail of Tax Amts'!E23</f>
        <v>10411000</v>
      </c>
      <c r="F20" s="597"/>
      <c r="G20" s="600">
        <f>+E20</f>
        <v>10411000</v>
      </c>
      <c r="H20" s="600"/>
      <c r="I20" s="600"/>
      <c r="J20" s="600"/>
      <c r="K20" s="600"/>
      <c r="L20" s="600"/>
      <c r="M20" s="601"/>
      <c r="O20" s="173"/>
    </row>
    <row r="21" spans="1:15" ht="19.5">
      <c r="A21" s="580">
        <f>+A20+1</f>
        <v>5</v>
      </c>
      <c r="B21" s="581"/>
      <c r="C21" s="597" t="s">
        <v>818</v>
      </c>
      <c r="D21" s="597"/>
      <c r="E21" s="602">
        <f>'WS H-p2 Detail of Tax Amts'!E30</f>
        <v>17198000</v>
      </c>
      <c r="F21" s="597"/>
      <c r="G21" s="600">
        <f>+E21</f>
        <v>17198000</v>
      </c>
      <c r="H21" s="600"/>
      <c r="I21" s="600"/>
      <c r="J21" s="600"/>
      <c r="K21" s="600"/>
      <c r="L21" s="600"/>
      <c r="M21" s="601"/>
      <c r="O21" s="173"/>
    </row>
    <row r="22" spans="1:15" ht="19.5">
      <c r="A22" s="580">
        <f>+A21+1</f>
        <v>6</v>
      </c>
      <c r="B22" s="581"/>
      <c r="C22" s="597" t="s">
        <v>619</v>
      </c>
      <c r="D22" s="597"/>
      <c r="E22" s="602">
        <f>'WS H-p2 Detail of Tax Amts'!E37</f>
        <v>0</v>
      </c>
      <c r="F22" s="597"/>
      <c r="G22" s="600">
        <f>+E22</f>
        <v>0</v>
      </c>
      <c r="H22" s="600"/>
      <c r="I22" s="600"/>
      <c r="J22" s="600"/>
      <c r="K22" s="600"/>
      <c r="L22" s="600"/>
      <c r="M22" s="601"/>
      <c r="O22" s="173"/>
    </row>
    <row r="23" spans="1:15" ht="19.5">
      <c r="A23" s="580">
        <f>+A22+1</f>
        <v>7</v>
      </c>
      <c r="B23" s="581"/>
      <c r="C23" s="597" t="s">
        <v>251</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8</v>
      </c>
      <c r="D25" s="581"/>
      <c r="E25" s="603"/>
      <c r="F25" s="595"/>
      <c r="G25" s="600"/>
      <c r="H25" s="600"/>
      <c r="I25" s="600"/>
      <c r="J25" s="600"/>
      <c r="K25" s="600"/>
      <c r="L25" s="600"/>
      <c r="M25" s="601"/>
      <c r="O25" s="605"/>
    </row>
    <row r="26" spans="1:15" ht="19.5">
      <c r="A26" s="580">
        <f>+A25+1</f>
        <v>9</v>
      </c>
      <c r="B26" s="581"/>
      <c r="C26" s="597" t="s">
        <v>124</v>
      </c>
      <c r="D26" s="581"/>
      <c r="E26" s="602">
        <f>+'WS H-p2 Detail of Tax Amts'!E50</f>
        <v>0</v>
      </c>
      <c r="F26" s="595"/>
      <c r="G26" s="600"/>
      <c r="H26" s="600"/>
      <c r="I26" s="600">
        <f>+E26</f>
        <v>0</v>
      </c>
      <c r="J26" s="600"/>
      <c r="K26" s="600"/>
      <c r="L26" s="600"/>
      <c r="M26" s="601"/>
      <c r="O26" s="605"/>
    </row>
    <row r="27" spans="1:15" ht="19.5">
      <c r="A27" s="580">
        <f>+A26+1</f>
        <v>10</v>
      </c>
      <c r="B27" s="581"/>
      <c r="C27" s="597" t="s">
        <v>117</v>
      </c>
      <c r="D27" s="581"/>
      <c r="E27" s="602">
        <f>+'WS H-p2 Detail of Tax Amts'!E52</f>
        <v>0</v>
      </c>
      <c r="F27" s="595"/>
      <c r="G27" s="595"/>
      <c r="H27" s="595"/>
      <c r="I27" s="601">
        <f>+E27</f>
        <v>0</v>
      </c>
      <c r="J27" s="597"/>
      <c r="K27" s="595"/>
      <c r="L27" s="595"/>
      <c r="M27" s="601"/>
    </row>
    <row r="28" spans="1:15" ht="19.5">
      <c r="A28" s="580">
        <f>+A27+1</f>
        <v>11</v>
      </c>
      <c r="B28" s="581"/>
      <c r="C28" s="597" t="s">
        <v>118</v>
      </c>
      <c r="D28" s="581"/>
      <c r="E28" s="602">
        <f>+'WS H-p2 Detail of Tax Amts'!E54</f>
        <v>0</v>
      </c>
      <c r="F28" s="595"/>
      <c r="G28" s="595"/>
      <c r="H28" s="595"/>
      <c r="I28" s="601">
        <f>+E28</f>
        <v>0</v>
      </c>
      <c r="J28" s="596"/>
      <c r="K28" s="595"/>
      <c r="L28" s="595"/>
      <c r="M28" s="601"/>
    </row>
    <row r="29" spans="1:15" ht="19.5">
      <c r="A29" s="580" t="s">
        <v>416</v>
      </c>
      <c r="B29" s="581"/>
      <c r="C29" s="595"/>
      <c r="D29" s="581"/>
      <c r="E29" s="603"/>
      <c r="F29" s="595"/>
      <c r="G29" s="595"/>
      <c r="H29" s="595"/>
      <c r="I29" s="606"/>
      <c r="J29" s="607"/>
      <c r="K29" s="608"/>
      <c r="L29" s="608"/>
      <c r="M29" s="601"/>
    </row>
    <row r="30" spans="1:15" ht="19.5">
      <c r="A30" s="580">
        <f>A28+1</f>
        <v>12</v>
      </c>
      <c r="B30" s="581"/>
      <c r="C30" s="609" t="s">
        <v>320</v>
      </c>
      <c r="D30" s="581"/>
      <c r="E30" s="610"/>
      <c r="F30" s="611"/>
      <c r="G30" s="611"/>
      <c r="H30" s="611"/>
      <c r="I30" s="612"/>
      <c r="J30" s="613"/>
      <c r="K30" s="614"/>
      <c r="L30" s="614"/>
      <c r="M30" s="615"/>
    </row>
    <row r="31" spans="1:15" ht="19.5">
      <c r="A31" s="580">
        <f>A30+1</f>
        <v>13</v>
      </c>
      <c r="B31" s="581"/>
      <c r="C31" s="597" t="s">
        <v>222</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25</v>
      </c>
      <c r="D33" s="619"/>
      <c r="E33" s="603"/>
      <c r="F33" s="595"/>
      <c r="G33" s="601"/>
      <c r="H33" s="601"/>
      <c r="I33" s="601"/>
      <c r="J33" s="601"/>
      <c r="K33" s="601"/>
      <c r="L33" s="601"/>
      <c r="M33" s="601"/>
    </row>
    <row r="34" spans="1:13" ht="19.5">
      <c r="A34" s="617">
        <f>A33+1</f>
        <v>15</v>
      </c>
      <c r="B34" s="618"/>
      <c r="C34" s="597" t="s">
        <v>221</v>
      </c>
      <c r="D34" s="619"/>
      <c r="E34" s="602">
        <f>+'WS H-p2 Detail of Tax Amts'!E62</f>
        <v>0</v>
      </c>
      <c r="F34" s="616"/>
      <c r="G34" s="601"/>
      <c r="H34" s="601"/>
      <c r="I34" s="601"/>
      <c r="J34" s="601"/>
      <c r="K34" s="601"/>
      <c r="L34" s="601"/>
      <c r="M34" s="601">
        <f>E34</f>
        <v>0</v>
      </c>
    </row>
    <row r="35" spans="1:13" ht="19.5">
      <c r="A35" s="580">
        <f>A34+1</f>
        <v>16</v>
      </c>
      <c r="B35" s="581"/>
      <c r="C35" s="597" t="s">
        <v>119</v>
      </c>
      <c r="D35" s="581"/>
      <c r="E35" s="620">
        <f>+'WS H-p2 Detail of Tax Amts'!E65</f>
        <v>0</v>
      </c>
      <c r="F35" s="595"/>
      <c r="G35" s="601"/>
      <c r="H35" s="601"/>
      <c r="I35" s="601"/>
      <c r="J35" s="601"/>
      <c r="K35" s="601">
        <f>+E35</f>
        <v>0</v>
      </c>
      <c r="L35" s="601"/>
      <c r="M35" s="601"/>
    </row>
    <row r="36" spans="1:13" ht="19.5">
      <c r="A36" s="580">
        <f t="shared" ref="A36:A41" si="0">+A35+1</f>
        <v>17</v>
      </c>
      <c r="B36" s="581"/>
      <c r="C36" s="597" t="s">
        <v>120</v>
      </c>
      <c r="D36" s="173"/>
      <c r="E36" s="620">
        <f>+'WS H-p2 Detail of Tax Amts'!E69</f>
        <v>0</v>
      </c>
      <c r="F36" s="595"/>
      <c r="G36" s="620"/>
      <c r="H36" s="620"/>
      <c r="I36" s="620"/>
      <c r="J36" s="620"/>
      <c r="K36" s="601">
        <f>+E36</f>
        <v>0</v>
      </c>
      <c r="L36" s="620"/>
      <c r="M36" s="601"/>
    </row>
    <row r="37" spans="1:13" ht="19.5">
      <c r="A37" s="580">
        <f>+A36+1</f>
        <v>18</v>
      </c>
      <c r="B37" s="581"/>
      <c r="C37" s="597" t="s">
        <v>121</v>
      </c>
      <c r="D37" s="173"/>
      <c r="E37" s="620">
        <f>'WS H-p2 Detail of Tax Amts'!E81</f>
        <v>0</v>
      </c>
      <c r="F37" s="595"/>
      <c r="G37" s="601"/>
      <c r="H37" s="601"/>
      <c r="I37" s="601"/>
      <c r="J37" s="601"/>
      <c r="K37" s="601">
        <f>+E37</f>
        <v>0</v>
      </c>
      <c r="L37" s="601"/>
      <c r="M37" s="601"/>
    </row>
    <row r="38" spans="1:13" ht="19.5">
      <c r="A38" s="580">
        <f t="shared" si="0"/>
        <v>19</v>
      </c>
      <c r="B38" s="581"/>
      <c r="C38" s="597" t="s">
        <v>122</v>
      </c>
      <c r="D38" s="581"/>
      <c r="E38" s="620">
        <f>+'WS H-p2 Detail of Tax Amts'!E86</f>
        <v>0</v>
      </c>
      <c r="F38" s="595"/>
      <c r="G38" s="601"/>
      <c r="H38" s="601"/>
      <c r="I38" s="601"/>
      <c r="J38" s="601"/>
      <c r="K38" s="601">
        <f>+E38</f>
        <v>0</v>
      </c>
      <c r="L38" s="601"/>
      <c r="M38" s="601"/>
    </row>
    <row r="39" spans="1:13" ht="19.5">
      <c r="A39" s="580">
        <f t="shared" si="0"/>
        <v>20</v>
      </c>
      <c r="B39" s="581"/>
      <c r="C39" s="597" t="s">
        <v>123</v>
      </c>
      <c r="D39" s="581"/>
      <c r="E39" s="620">
        <f>+'WS H-p2 Detail of Tax Amts'!E89</f>
        <v>0</v>
      </c>
      <c r="F39" s="616"/>
      <c r="G39" s="601"/>
      <c r="H39" s="601"/>
      <c r="I39" s="601"/>
      <c r="J39" s="601"/>
      <c r="K39" s="601"/>
      <c r="L39" s="601"/>
      <c r="M39" s="601">
        <f>+E39</f>
        <v>0</v>
      </c>
    </row>
    <row r="40" spans="1:13" ht="19.5">
      <c r="A40" s="580">
        <f t="shared" si="0"/>
        <v>21</v>
      </c>
      <c r="B40" s="595"/>
      <c r="C40" s="597" t="s">
        <v>112</v>
      </c>
      <c r="D40" s="595"/>
      <c r="E40" s="620">
        <f>+'WS H-p2 Detail of Tax Amts'!E95</f>
        <v>0</v>
      </c>
      <c r="F40" s="595"/>
      <c r="G40" s="601"/>
      <c r="H40" s="601"/>
      <c r="I40" s="601"/>
      <c r="J40" s="601"/>
      <c r="K40" s="601"/>
      <c r="L40" s="601"/>
      <c r="M40" s="601">
        <f>+E40</f>
        <v>0</v>
      </c>
    </row>
    <row r="41" spans="1:13" ht="19.5">
      <c r="A41" s="580">
        <f t="shared" si="0"/>
        <v>22</v>
      </c>
      <c r="B41" s="595"/>
      <c r="C41" s="597" t="s">
        <v>408</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16</v>
      </c>
      <c r="D43" s="173"/>
      <c r="E43" s="625">
        <f>SUM(E17:E41)</f>
        <v>27609000</v>
      </c>
      <c r="F43" s="595"/>
      <c r="G43" s="625">
        <f>SUM(G17:G41)</f>
        <v>27609000</v>
      </c>
      <c r="H43" s="621"/>
      <c r="I43" s="625">
        <f>SUM(I17:I41)</f>
        <v>0</v>
      </c>
      <c r="J43" s="622"/>
      <c r="K43" s="625">
        <f>SUM(K17:K41)</f>
        <v>0</v>
      </c>
      <c r="L43" s="623"/>
      <c r="M43" s="625">
        <f>SUM(M17:M41)</f>
        <v>0</v>
      </c>
    </row>
    <row r="44" spans="1:13" ht="20.25" thickTop="1">
      <c r="A44" s="314"/>
      <c r="B44" s="209"/>
      <c r="C44" s="597" t="s">
        <v>181</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80" t="s">
        <v>250</v>
      </c>
      <c r="D46" s="1480"/>
      <c r="E46" s="1480"/>
      <c r="F46" s="1480"/>
      <c r="G46" s="1480"/>
      <c r="H46" s="1480"/>
      <c r="I46" s="1480"/>
      <c r="J46" s="1480"/>
      <c r="K46" s="1480"/>
      <c r="L46" s="1480"/>
      <c r="M46" s="1480"/>
    </row>
    <row r="47" spans="1:13" ht="78">
      <c r="A47" s="580"/>
      <c r="C47" s="595"/>
      <c r="D47" s="595"/>
      <c r="E47" s="626" t="s">
        <v>321</v>
      </c>
      <c r="G47" s="627" t="s">
        <v>417</v>
      </c>
      <c r="H47" s="627"/>
      <c r="I47" s="626" t="s">
        <v>322</v>
      </c>
      <c r="J47" s="627"/>
      <c r="K47" s="627" t="s">
        <v>136</v>
      </c>
      <c r="L47" s="627"/>
      <c r="M47" s="627" t="s">
        <v>420</v>
      </c>
    </row>
    <row r="48" spans="1:13" ht="19.5">
      <c r="A48" s="628">
        <f>+A43+1</f>
        <v>24</v>
      </c>
      <c r="B48" s="629"/>
      <c r="C48" s="630" t="str">
        <f>"Functionalized Net Plant (TCOS, Lns "&amp;TCOS!B79&amp;" thru "&amp;TCOS!B82&amp;")"</f>
        <v>Functionalized Net Plant (TCOS, Lns 33 thru 36)</v>
      </c>
      <c r="D48" s="616"/>
      <c r="E48" s="631">
        <v>0</v>
      </c>
      <c r="F48" s="630"/>
      <c r="G48" s="631">
        <f>+TCOS!G79</f>
        <v>2699883000</v>
      </c>
      <c r="H48" s="630"/>
      <c r="I48" s="631">
        <v>0</v>
      </c>
      <c r="J48" s="630"/>
      <c r="K48" s="632">
        <f>+TCOS!G80</f>
        <v>49212000</v>
      </c>
      <c r="L48" s="616"/>
      <c r="M48" s="633">
        <f>SUM(E48:K48)</f>
        <v>2749095000</v>
      </c>
    </row>
    <row r="49" spans="1:21" ht="19.5">
      <c r="A49" s="628"/>
      <c r="B49" s="629"/>
      <c r="C49" s="587" t="s">
        <v>815</v>
      </c>
      <c r="D49" s="616"/>
      <c r="E49" s="633"/>
      <c r="F49" s="616"/>
      <c r="G49" s="634"/>
      <c r="H49" s="616"/>
      <c r="I49" s="633"/>
      <c r="J49" s="616"/>
      <c r="K49" s="635"/>
      <c r="L49" s="616"/>
      <c r="M49" s="636"/>
    </row>
    <row r="50" spans="1:21" ht="19.5">
      <c r="A50" s="628">
        <f>+A48+1</f>
        <v>25</v>
      </c>
      <c r="B50" s="629"/>
      <c r="C50" s="616" t="str">
        <f>"Percentage of Plant in "&amp;C49&amp;""</f>
        <v>Percentage of Plant in MICHIGAN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MICHIGAN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51</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8</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MICHIGAN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816</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INDIANA JURISDICTION (Ln 24 - Ln 26)</v>
      </c>
      <c r="D61" s="616"/>
      <c r="E61" s="633">
        <f>+E48-E51</f>
        <v>0</v>
      </c>
      <c r="F61" s="616"/>
      <c r="G61" s="633">
        <f>+G48-G51</f>
        <v>2699883000</v>
      </c>
      <c r="H61" s="616"/>
      <c r="I61" s="633">
        <f>+I48-I51</f>
        <v>0</v>
      </c>
      <c r="J61" s="616"/>
      <c r="K61" s="633">
        <f>+K48-K51</f>
        <v>49212000</v>
      </c>
      <c r="L61" s="616"/>
      <c r="M61" s="633">
        <f>SUM(E61:K61)</f>
        <v>2749095000</v>
      </c>
      <c r="O61" s="173"/>
    </row>
    <row r="62" spans="1:21" ht="19.5">
      <c r="A62" s="628">
        <f t="shared" ref="A62:A68" si="2">+A61+1</f>
        <v>36</v>
      </c>
      <c r="B62" s="629"/>
      <c r="C62" s="630" t="s">
        <v>550</v>
      </c>
      <c r="D62" s="616"/>
      <c r="E62" s="651"/>
      <c r="F62" s="616"/>
      <c r="G62" s="638"/>
      <c r="H62" s="616"/>
      <c r="I62" s="638"/>
      <c r="J62" s="616"/>
      <c r="K62" s="639"/>
      <c r="L62" s="616"/>
      <c r="M62" s="633"/>
      <c r="O62" s="173"/>
    </row>
    <row r="63" spans="1:21" ht="19.5">
      <c r="A63" s="628">
        <f t="shared" si="2"/>
        <v>37</v>
      </c>
      <c r="B63" s="629"/>
      <c r="C63" s="616" t="s">
        <v>249</v>
      </c>
      <c r="D63" s="616"/>
      <c r="E63" s="633">
        <f>+E61-E62</f>
        <v>0</v>
      </c>
      <c r="F63" s="616"/>
      <c r="G63" s="633">
        <f>+G61-G62</f>
        <v>2699883000</v>
      </c>
      <c r="H63" s="616"/>
      <c r="I63" s="633">
        <f>+I61-I62</f>
        <v>0</v>
      </c>
      <c r="J63" s="616"/>
      <c r="K63" s="633">
        <f>+K61-K62</f>
        <v>49212000</v>
      </c>
      <c r="L63" s="616"/>
      <c r="M63" s="633">
        <f>SUM(E63:K63)</f>
        <v>2749095000</v>
      </c>
      <c r="O63" s="173"/>
    </row>
    <row r="64" spans="1:21" ht="19.5">
      <c r="A64" s="628">
        <f t="shared" si="2"/>
        <v>38</v>
      </c>
      <c r="B64" s="629"/>
      <c r="C64" s="620" t="s">
        <v>248</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INDIANA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60" zoomScaleNormal="60" workbookViewId="0">
      <selection activeCell="D23" sqref="D23"/>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t="s">
        <v>416</v>
      </c>
    </row>
    <row r="2" spans="1:20" ht="15.75">
      <c r="A2" s="1006" t="s">
        <v>416</v>
      </c>
    </row>
    <row r="3" spans="1:20" ht="18.75" customHeight="1">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83"/>
      <c r="G3" s="1483"/>
    </row>
    <row r="4" spans="1:20" ht="18.75" customHeight="1">
      <c r="A4" s="1450" t="str">
        <f>"Cost of Service Formula Rate Using Actual/Projected FF1 Balances"</f>
        <v>Cost of Service Formula Rate Using Actual/Projected FF1 Balances</v>
      </c>
      <c r="B4" s="1450"/>
      <c r="C4" s="1450"/>
      <c r="D4" s="1450"/>
      <c r="E4" s="1450"/>
      <c r="F4" s="1483"/>
      <c r="G4" s="1483"/>
      <c r="H4" s="1450"/>
      <c r="I4" s="1450"/>
      <c r="J4" s="1450"/>
      <c r="K4" s="1450"/>
      <c r="L4" s="1450"/>
      <c r="M4" s="1483"/>
    </row>
    <row r="5" spans="1:20" ht="18.75" customHeight="1">
      <c r="A5" s="1442" t="s">
        <v>254</v>
      </c>
      <c r="B5" s="1442"/>
      <c r="C5" s="1442"/>
      <c r="D5" s="1442"/>
      <c r="E5" s="1442"/>
      <c r="F5" s="1483"/>
      <c r="G5" s="1483"/>
    </row>
    <row r="6" spans="1:20" ht="18" customHeight="1">
      <c r="A6" s="1485" t="str">
        <f>+TCOS!F9</f>
        <v>AEP Indiana Michigan Transmission Company</v>
      </c>
      <c r="B6" s="1485"/>
      <c r="C6" s="1485"/>
      <c r="D6" s="1485"/>
      <c r="E6" s="1485"/>
      <c r="F6" s="1486"/>
      <c r="G6" s="1486"/>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68</v>
      </c>
      <c r="D11" s="120"/>
      <c r="E11" s="100" t="s">
        <v>483</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62</v>
      </c>
      <c r="D19" s="1263" t="s">
        <v>463</v>
      </c>
      <c r="E19" s="1264" t="s">
        <v>464</v>
      </c>
      <c r="F19" s="1264" t="s">
        <v>465</v>
      </c>
      <c r="G19" s="1264" t="s">
        <v>385</v>
      </c>
      <c r="H19" s="1265" t="s">
        <v>386</v>
      </c>
      <c r="I19" s="1264" t="s">
        <v>387</v>
      </c>
    </row>
    <row r="20" spans="1:9" ht="47.25">
      <c r="A20" s="1260"/>
      <c r="B20" s="1261"/>
      <c r="C20" s="1266" t="s">
        <v>700</v>
      </c>
      <c r="D20" s="1267" t="s">
        <v>696</v>
      </c>
      <c r="E20" s="1268" t="s">
        <v>697</v>
      </c>
      <c r="F20" s="1268" t="s">
        <v>698</v>
      </c>
      <c r="G20" s="1268" t="s">
        <v>4</v>
      </c>
      <c r="H20" s="1269" t="s">
        <v>699</v>
      </c>
      <c r="I20" s="1269" t="s">
        <v>701</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27609000</v>
      </c>
      <c r="F22" s="128"/>
      <c r="G22" s="70"/>
      <c r="H22" s="122"/>
      <c r="I22" s="1075">
        <f>I23+I30+I37+I40</f>
        <v>27609000</v>
      </c>
    </row>
    <row r="23" spans="1:9" ht="19.5">
      <c r="A23" s="61">
        <f>+A22+1</f>
        <v>4</v>
      </c>
      <c r="B23" s="62"/>
      <c r="C23" s="60" t="s">
        <v>817</v>
      </c>
      <c r="D23" s="60"/>
      <c r="E23" s="128">
        <f>SUM(F24:F29)</f>
        <v>10411000</v>
      </c>
      <c r="F23" s="123"/>
      <c r="G23" s="70"/>
      <c r="I23" s="128">
        <f>SUM(I24:I29)</f>
        <v>10411000</v>
      </c>
    </row>
    <row r="24" spans="1:9" ht="19.5">
      <c r="A24" s="61"/>
      <c r="B24" s="62"/>
      <c r="C24" s="60"/>
      <c r="D24" s="60"/>
      <c r="E24" s="128"/>
      <c r="F24" s="1071">
        <v>10411000</v>
      </c>
      <c r="G24" s="1016"/>
      <c r="H24" s="1015">
        <v>1</v>
      </c>
      <c r="I24" s="1014">
        <f t="shared" ref="I24:I29" si="0">F24*H24</f>
        <v>10411000</v>
      </c>
    </row>
    <row r="25" spans="1:9" ht="19.5">
      <c r="A25" s="61"/>
      <c r="B25" s="62"/>
      <c r="C25" s="60"/>
      <c r="D25" s="60"/>
      <c r="E25" s="128"/>
      <c r="F25" s="652"/>
      <c r="G25" s="1016"/>
      <c r="H25" s="1071"/>
      <c r="I25" s="1014">
        <f t="shared" si="0"/>
        <v>0</v>
      </c>
    </row>
    <row r="26" spans="1:9" ht="19.5">
      <c r="A26" s="61"/>
      <c r="B26" s="62"/>
      <c r="C26" s="60"/>
      <c r="D26" s="60"/>
      <c r="E26" s="128"/>
      <c r="F26" s="652"/>
      <c r="G26" s="1016"/>
      <c r="H26" s="1071"/>
      <c r="I26" s="1014">
        <f t="shared" si="0"/>
        <v>0</v>
      </c>
    </row>
    <row r="27" spans="1:9" ht="19.5">
      <c r="A27" s="61"/>
      <c r="B27" s="62"/>
      <c r="C27" s="60"/>
      <c r="D27" s="60"/>
      <c r="E27" s="128"/>
      <c r="F27" s="652"/>
      <c r="G27" s="1016"/>
      <c r="H27" s="1071"/>
      <c r="I27" s="1014">
        <f t="shared" si="0"/>
        <v>0</v>
      </c>
    </row>
    <row r="28" spans="1:9" ht="19.5">
      <c r="A28" s="61"/>
      <c r="B28" s="62"/>
      <c r="C28" s="60"/>
      <c r="D28" s="60"/>
      <c r="E28" s="128"/>
      <c r="F28" s="652"/>
      <c r="G28" s="1016"/>
      <c r="H28" s="1071"/>
      <c r="I28" s="1014">
        <f t="shared" si="0"/>
        <v>0</v>
      </c>
    </row>
    <row r="29" spans="1:9" ht="19.5">
      <c r="A29" s="61"/>
      <c r="B29" s="62"/>
      <c r="C29" s="60"/>
      <c r="D29" s="60"/>
      <c r="E29" s="128"/>
      <c r="F29" s="652"/>
      <c r="G29" s="1016"/>
      <c r="H29" s="1071"/>
      <c r="I29" s="1014">
        <f t="shared" si="0"/>
        <v>0</v>
      </c>
    </row>
    <row r="30" spans="1:9" ht="19.5">
      <c r="A30" s="61">
        <f>+A23+1</f>
        <v>5</v>
      </c>
      <c r="B30" s="62"/>
      <c r="C30" s="60" t="s">
        <v>818</v>
      </c>
      <c r="D30" s="60"/>
      <c r="E30" s="128">
        <f>SUM(F31:F36)</f>
        <v>17198000</v>
      </c>
      <c r="F30" s="80"/>
      <c r="G30" s="70"/>
      <c r="I30" s="1014">
        <f>SUM(I31:I36)</f>
        <v>17198000</v>
      </c>
    </row>
    <row r="31" spans="1:9" ht="19.5">
      <c r="A31" s="61"/>
      <c r="B31" s="62"/>
      <c r="C31" s="60"/>
      <c r="D31" s="60"/>
      <c r="E31" s="128"/>
      <c r="F31" s="1071">
        <v>17198000</v>
      </c>
      <c r="G31" s="1016"/>
      <c r="H31" s="1015">
        <v>1</v>
      </c>
      <c r="I31" s="1014">
        <f t="shared" ref="I31:I36" si="1">F31*H31</f>
        <v>1719800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9</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51</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68</v>
      </c>
      <c r="D47" s="120"/>
      <c r="E47" s="100" t="s">
        <v>483</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652"/>
      <c r="G51" s="124"/>
    </row>
    <row r="52" spans="1:7" ht="19.5">
      <c r="A52" s="61">
        <f>+A50+1</f>
        <v>10</v>
      </c>
      <c r="B52" s="62"/>
      <c r="C52" s="60" t="s">
        <v>117</v>
      </c>
      <c r="D52" s="62"/>
      <c r="E52" s="128">
        <f>+F53</f>
        <v>0</v>
      </c>
      <c r="F52" s="70"/>
      <c r="G52" s="70"/>
    </row>
    <row r="53" spans="1:7" ht="19.5">
      <c r="A53" s="61"/>
      <c r="B53" s="62"/>
      <c r="C53" s="60"/>
      <c r="D53" s="62"/>
      <c r="E53" s="128"/>
      <c r="F53" s="652"/>
      <c r="G53" s="124"/>
    </row>
    <row r="54" spans="1:7" ht="19.5">
      <c r="A54" s="61">
        <f>+A52+1</f>
        <v>11</v>
      </c>
      <c r="B54" s="62"/>
      <c r="C54" s="60" t="s">
        <v>118</v>
      </c>
      <c r="D54" s="62"/>
      <c r="E54" s="128">
        <f>+F55+F56+F57</f>
        <v>0</v>
      </c>
      <c r="F54" s="70"/>
      <c r="G54" s="70"/>
    </row>
    <row r="55" spans="1:7" ht="19.5">
      <c r="A55" s="61" t="s">
        <v>416</v>
      </c>
      <c r="B55" s="62"/>
      <c r="C55" s="57"/>
      <c r="D55" s="62"/>
      <c r="E55" s="129"/>
      <c r="F55" s="652"/>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652"/>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652"/>
      <c r="G63" s="124"/>
    </row>
    <row r="64" spans="1:7" ht="19.5">
      <c r="A64" s="67"/>
      <c r="B64" s="68"/>
      <c r="C64" s="57"/>
      <c r="D64" s="69"/>
      <c r="E64" s="128"/>
      <c r="F64" s="652"/>
      <c r="G64" s="124"/>
    </row>
    <row r="65" spans="1:7" ht="19.5">
      <c r="A65" s="61">
        <f>A62+1</f>
        <v>16</v>
      </c>
      <c r="B65" s="62"/>
      <c r="C65" s="57" t="s">
        <v>119</v>
      </c>
      <c r="D65" s="62"/>
      <c r="E65" s="80">
        <f>+F66+F67+F68</f>
        <v>0</v>
      </c>
      <c r="F65" s="70"/>
      <c r="G65" s="70"/>
    </row>
    <row r="66" spans="1:7" ht="19.5">
      <c r="A66" s="61"/>
      <c r="B66" s="62"/>
      <c r="C66" s="57"/>
      <c r="D66" s="62"/>
      <c r="E66" s="80"/>
      <c r="F66" s="652"/>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20</v>
      </c>
      <c r="D69"/>
      <c r="E69" s="80">
        <f>SUM(F70:F80)</f>
        <v>0</v>
      </c>
      <c r="F69" s="70"/>
      <c r="G69" s="70"/>
    </row>
    <row r="70" spans="1:7" ht="19.5">
      <c r="A70" s="61"/>
      <c r="B70" s="62"/>
      <c r="C70" s="57"/>
      <c r="D70"/>
      <c r="E70" s="80"/>
      <c r="F70" s="652"/>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21</v>
      </c>
      <c r="D81"/>
      <c r="E81" s="80">
        <f>SUM(F82:F85)</f>
        <v>0</v>
      </c>
      <c r="F81" s="70"/>
      <c r="G81" s="70"/>
    </row>
    <row r="82" spans="1:7" ht="19.5">
      <c r="A82" s="61"/>
      <c r="B82" s="62"/>
      <c r="C82" s="57"/>
      <c r="D82"/>
      <c r="E82" s="80"/>
      <c r="F82" s="652"/>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22</v>
      </c>
      <c r="D86" s="62"/>
      <c r="E86" s="80">
        <f>F87</f>
        <v>0</v>
      </c>
      <c r="F86" s="70"/>
      <c r="G86" s="70"/>
    </row>
    <row r="87" spans="1:7" ht="19.5">
      <c r="A87" s="61"/>
      <c r="B87" s="62"/>
      <c r="C87" s="57"/>
      <c r="D87" s="62"/>
      <c r="E87" s="80"/>
      <c r="F87" s="652"/>
      <c r="G87" s="124"/>
    </row>
    <row r="88" spans="1:7" ht="19.5">
      <c r="A88" s="61"/>
      <c r="B88" s="62"/>
      <c r="C88" s="57"/>
      <c r="D88" s="62"/>
      <c r="E88" s="80"/>
      <c r="F88" s="152"/>
      <c r="G88" s="70"/>
    </row>
    <row r="89" spans="1:7" ht="19.5">
      <c r="A89" s="61">
        <f>+A86+1</f>
        <v>20</v>
      </c>
      <c r="B89" s="62"/>
      <c r="C89" s="57" t="s">
        <v>123</v>
      </c>
      <c r="D89" s="62"/>
      <c r="E89" s="80">
        <f>SUM(F90:F94)</f>
        <v>0</v>
      </c>
      <c r="F89" s="70"/>
      <c r="G89" s="124"/>
    </row>
    <row r="90" spans="1:7" ht="19.5">
      <c r="A90" s="61"/>
      <c r="B90" s="62"/>
      <c r="C90" s="57"/>
      <c r="D90" s="62"/>
      <c r="E90" s="80"/>
      <c r="F90" s="652">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12</v>
      </c>
      <c r="D95" s="57"/>
      <c r="E95" s="80">
        <f>SUM(F96:F97)</f>
        <v>0</v>
      </c>
      <c r="F95" s="127"/>
      <c r="G95" s="124"/>
    </row>
    <row r="96" spans="1:7" ht="19.5">
      <c r="A96" s="61"/>
      <c r="B96" s="57"/>
      <c r="C96" s="57"/>
      <c r="D96" s="57"/>
      <c r="E96" s="122"/>
      <c r="F96" s="652"/>
      <c r="G96" s="124"/>
    </row>
    <row r="97" spans="1:7" ht="19.5">
      <c r="A97" s="61"/>
      <c r="B97" s="57"/>
      <c r="C97" s="57"/>
      <c r="D97" s="57"/>
      <c r="E97" s="122"/>
      <c r="F97" s="652"/>
      <c r="G97" s="124"/>
    </row>
    <row r="98" spans="1:7" ht="19.5">
      <c r="A98" s="61">
        <f>+A95+1</f>
        <v>22</v>
      </c>
      <c r="B98" s="57"/>
      <c r="C98" s="74" t="s">
        <v>408</v>
      </c>
      <c r="D98" s="70"/>
      <c r="E98" s="128">
        <f>+F99</f>
        <v>0</v>
      </c>
      <c r="G98" s="70"/>
    </row>
    <row r="99" spans="1:7" ht="19.5">
      <c r="A99" s="61"/>
      <c r="B99" s="57"/>
      <c r="C99" s="74"/>
      <c r="D99" s="70"/>
      <c r="E99" s="129"/>
      <c r="F99" s="652"/>
      <c r="G99" s="70"/>
    </row>
    <row r="100" spans="1:7" ht="19.5">
      <c r="A100" s="4"/>
      <c r="B100" s="115"/>
      <c r="C100" s="115"/>
      <c r="D100"/>
      <c r="E100"/>
      <c r="F100" s="127"/>
      <c r="G100" s="70"/>
    </row>
    <row r="101" spans="1:7" ht="20.25" thickBot="1">
      <c r="A101" s="112">
        <f>+A98+1</f>
        <v>23</v>
      </c>
      <c r="B101" s="115"/>
      <c r="C101" s="57" t="s">
        <v>116</v>
      </c>
      <c r="D101"/>
      <c r="E101" s="73">
        <f>E22</f>
        <v>27609000</v>
      </c>
      <c r="F101" s="73">
        <f>SUM(F14:F99)</f>
        <v>27609000</v>
      </c>
      <c r="G101" s="70"/>
    </row>
    <row r="102" spans="1:7" ht="20.25" thickTop="1">
      <c r="A102" s="4"/>
      <c r="B102" s="115"/>
      <c r="C102" s="57" t="s">
        <v>181</v>
      </c>
      <c r="D102"/>
      <c r="E102"/>
      <c r="F102" s="70"/>
      <c r="G102" s="70"/>
    </row>
    <row r="103" spans="1:7" ht="19.5">
      <c r="A103" s="4"/>
      <c r="B103" s="115"/>
      <c r="C103" s="57"/>
      <c r="D103"/>
      <c r="E103"/>
      <c r="F103" s="80" t="s">
        <v>416</v>
      </c>
      <c r="G103" s="70"/>
    </row>
    <row r="104" spans="1:7" ht="21.75" customHeight="1">
      <c r="A104" s="1484" t="s">
        <v>775</v>
      </c>
      <c r="B104" s="1484"/>
      <c r="C104" s="1484"/>
      <c r="D104" s="1484"/>
      <c r="E104" s="1484"/>
      <c r="F104" s="1484"/>
      <c r="G104" s="1484"/>
    </row>
    <row r="105" spans="1:7" ht="21.75" customHeight="1">
      <c r="A105" s="1484"/>
      <c r="B105" s="1484"/>
      <c r="C105" s="1484"/>
      <c r="D105" s="1484"/>
      <c r="E105" s="1484"/>
      <c r="F105" s="1484"/>
      <c r="G105" s="1484"/>
    </row>
    <row r="106" spans="1:7" ht="21.75" customHeight="1">
      <c r="A106" s="1484"/>
      <c r="B106" s="1484"/>
      <c r="C106" s="1484"/>
      <c r="D106" s="1484"/>
      <c r="E106" s="1484"/>
      <c r="F106" s="1484"/>
      <c r="G106" s="1484"/>
    </row>
    <row r="107" spans="1:7" ht="21.75" customHeight="1">
      <c r="A107" s="1484"/>
      <c r="B107" s="1484"/>
      <c r="C107" s="1484"/>
      <c r="D107" s="1484"/>
      <c r="E107" s="1484"/>
      <c r="F107" s="1484"/>
      <c r="G107" s="1484"/>
    </row>
    <row r="108" spans="1:7" ht="21.75" customHeight="1">
      <c r="A108" s="1484"/>
      <c r="B108" s="1484"/>
      <c r="C108" s="1484"/>
      <c r="D108" s="1484"/>
      <c r="E108" s="1484"/>
      <c r="F108" s="1484"/>
      <c r="G108" s="1484"/>
    </row>
    <row r="109" spans="1:7" ht="19.5">
      <c r="A109" s="1270"/>
      <c r="B109" s="79"/>
      <c r="C109" s="79"/>
      <c r="D109" s="79"/>
      <c r="E109" s="1271"/>
      <c r="F109" s="70"/>
      <c r="G109" s="70"/>
    </row>
    <row r="110" spans="1:7" ht="30" customHeight="1">
      <c r="A110" s="1482" t="s">
        <v>702</v>
      </c>
      <c r="B110" s="1482"/>
      <c r="C110" s="1482"/>
      <c r="D110" s="1482"/>
      <c r="E110" s="1482"/>
      <c r="F110" s="1482"/>
      <c r="G110" s="1482"/>
    </row>
    <row r="111" spans="1:7" ht="30" customHeight="1">
      <c r="A111" s="1482"/>
      <c r="B111" s="1482"/>
      <c r="C111" s="1482"/>
      <c r="D111" s="1482"/>
      <c r="E111" s="1482"/>
      <c r="F111" s="1482"/>
      <c r="G111" s="1482"/>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t="s">
        <v>416</v>
      </c>
    </row>
    <row r="2" spans="1:13" ht="15.75">
      <c r="A2" s="1006" t="s">
        <v>416</v>
      </c>
    </row>
    <row r="3" spans="1:13" ht="18">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77"/>
      <c r="L3" s="77"/>
      <c r="M3" s="77"/>
    </row>
    <row r="4" spans="1:13" ht="18">
      <c r="A4" s="1487" t="str">
        <f>"Cost of Service Formula Rate Using Actual/Projected FF1 Balances"</f>
        <v>Cost of Service Formula Rate Using Actual/Projected FF1 Balances</v>
      </c>
      <c r="B4" s="1487"/>
      <c r="C4" s="1487"/>
      <c r="D4" s="1487"/>
      <c r="E4" s="1487"/>
      <c r="F4" s="1487"/>
      <c r="G4" s="1487"/>
      <c r="H4" s="1487"/>
      <c r="I4" s="1487"/>
      <c r="J4" s="1487"/>
      <c r="K4" s="52"/>
      <c r="L4" s="52"/>
      <c r="M4" s="52"/>
    </row>
    <row r="5" spans="1:13" ht="18">
      <c r="A5" s="1487" t="s">
        <v>597</v>
      </c>
      <c r="B5" s="1487"/>
      <c r="C5" s="1487"/>
      <c r="D5" s="1487"/>
      <c r="E5" s="1487"/>
      <c r="F5" s="1487"/>
      <c r="G5" s="1487"/>
      <c r="H5" s="1487"/>
      <c r="I5" s="1487"/>
      <c r="J5" s="1487"/>
      <c r="K5" s="78"/>
      <c r="L5" s="78"/>
      <c r="M5" s="78"/>
    </row>
    <row r="6" spans="1:13" ht="18">
      <c r="A6" s="1479" t="str">
        <f>+TCOS!F9</f>
        <v>AEP Indiana Michigan Transmission Company</v>
      </c>
      <c r="B6" s="1479"/>
      <c r="C6" s="1479"/>
      <c r="D6" s="1479"/>
      <c r="E6" s="1479"/>
      <c r="F6" s="1479"/>
      <c r="G6" s="1479"/>
      <c r="H6" s="1479"/>
      <c r="I6" s="1479"/>
      <c r="J6" s="1479"/>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975"/>
  <sheetViews>
    <sheetView view="pageBreakPreview" zoomScale="70" zoomScaleNormal="70" zoomScaleSheetLayoutView="70" workbookViewId="0">
      <selection activeCell="M26" sqref="M26"/>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t="s">
        <v>416</v>
      </c>
    </row>
    <row r="2" spans="1:16" ht="15.75">
      <c r="A2" s="1006" t="s">
        <v>416</v>
      </c>
    </row>
    <row r="3" spans="1:16"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1441" t="str">
        <f>TCOS!$F$5</f>
        <v>AEPTCo subsidiaries in PJM</v>
      </c>
      <c r="K3" s="1441" t="str">
        <f>TCOS!$F$5</f>
        <v>AEPTCo subsidiaries in PJM</v>
      </c>
      <c r="L3" s="1441" t="str">
        <f>TCOS!$F$5</f>
        <v>AEPTCo subsidiaries in PJM</v>
      </c>
      <c r="M3" s="1441" t="str">
        <f>TCOS!$F$5</f>
        <v>AEPTCo subsidiaries in PJM</v>
      </c>
      <c r="N3" s="1441" t="str">
        <f>TCOS!$F$5</f>
        <v>AEPTCo subsidiaries in PJM</v>
      </c>
      <c r="O3" s="1441" t="str">
        <f>TCOS!$F$5</f>
        <v>AEPTCo subsidiaries in PJM</v>
      </c>
      <c r="P3" s="156"/>
    </row>
    <row r="4" spans="1:16" ht="15">
      <c r="A4" s="1464" t="str">
        <f>"Cost of Service Formula Rate Using Actual/Projected FF1 Balances"</f>
        <v>Cost of Service Formula Rate Using Actual/Projected FF1 Balances</v>
      </c>
      <c r="B4" s="1464"/>
      <c r="C4" s="1464"/>
      <c r="D4" s="1464"/>
      <c r="E4" s="1464"/>
      <c r="F4" s="1464"/>
      <c r="G4" s="1464"/>
      <c r="H4" s="1464"/>
      <c r="I4" s="1464"/>
      <c r="J4" s="1464"/>
      <c r="K4" s="1464"/>
      <c r="L4" s="1464"/>
      <c r="M4" s="1464"/>
      <c r="N4" s="1464"/>
      <c r="O4" s="1464"/>
      <c r="P4" s="156"/>
    </row>
    <row r="5" spans="1:16" ht="15">
      <c r="A5" s="1464" t="s">
        <v>264</v>
      </c>
      <c r="B5" s="1464"/>
      <c r="C5" s="1464"/>
      <c r="D5" s="1464"/>
      <c r="E5" s="1464"/>
      <c r="F5" s="1464"/>
      <c r="G5" s="1464"/>
      <c r="H5" s="1464"/>
      <c r="I5" s="1464"/>
      <c r="J5" s="1464"/>
      <c r="K5" s="1464"/>
      <c r="L5" s="1464"/>
      <c r="M5" s="1464"/>
      <c r="N5" s="1464"/>
      <c r="O5" s="1464"/>
      <c r="P5" s="156"/>
    </row>
    <row r="6" spans="1:16" ht="15">
      <c r="A6" s="1465" t="str">
        <f>TCOS!F9</f>
        <v>AEP Indiana Michigan Transmission Company</v>
      </c>
      <c r="B6" s="1465"/>
      <c r="C6" s="1465"/>
      <c r="D6" s="1465"/>
      <c r="E6" s="1465"/>
      <c r="F6" s="1465"/>
      <c r="G6" s="1465"/>
      <c r="H6" s="1465"/>
      <c r="I6" s="1465"/>
      <c r="J6" s="1465"/>
      <c r="K6" s="1465"/>
      <c r="L6" s="1465"/>
      <c r="M6" s="1465"/>
      <c r="N6" s="1465"/>
      <c r="O6" s="1465"/>
      <c r="P6" s="156"/>
    </row>
    <row r="7" spans="1:16">
      <c r="P7" s="156"/>
    </row>
    <row r="8" spans="1:16" ht="20.25">
      <c r="A8" s="653"/>
      <c r="C8" s="392"/>
      <c r="N8" s="654" t="str">
        <f>"Page "&amp;P8&amp;" of "</f>
        <v xml:space="preserve">Page 1 of </v>
      </c>
      <c r="O8" s="655">
        <f>COUNT(P$8:P$56656)</f>
        <v>11</v>
      </c>
      <c r="P8" s="656">
        <v>1</v>
      </c>
    </row>
    <row r="9" spans="1:16" ht="18">
      <c r="C9" s="657"/>
      <c r="P9" s="156"/>
    </row>
    <row r="10" spans="1:16">
      <c r="P10" s="156"/>
    </row>
    <row r="11" spans="1:16" ht="18">
      <c r="B11" s="658" t="s">
        <v>471</v>
      </c>
      <c r="C11" s="1492" t="str">
        <f>"Calculate Return and Income Taxes with "&amp;F17&amp;" basis point ROE increase for Projects Qualified for Regional Billing."</f>
        <v>Calculate Return and Income Taxes with 0 basis point ROE increase for Projects Qualified for Regional Billing.</v>
      </c>
      <c r="D11" s="1493"/>
      <c r="E11" s="1493"/>
      <c r="F11" s="1493"/>
      <c r="G11" s="1493"/>
      <c r="H11" s="1493"/>
      <c r="P11" s="156"/>
    </row>
    <row r="12" spans="1:16" ht="18.75" customHeight="1">
      <c r="C12" s="1493"/>
      <c r="D12" s="1493"/>
      <c r="E12" s="1493"/>
      <c r="F12" s="1493"/>
      <c r="G12" s="1493"/>
      <c r="H12" s="1493"/>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50</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46</v>
      </c>
      <c r="E20" s="670" t="s">
        <v>445</v>
      </c>
      <c r="F20" s="671" t="s">
        <v>51</v>
      </c>
      <c r="G20" s="662"/>
      <c r="H20" s="664"/>
      <c r="I20" s="664"/>
      <c r="J20" s="665"/>
    </row>
    <row r="21" spans="3:16" ht="13.5" thickBot="1">
      <c r="C21" s="672" t="s">
        <v>56</v>
      </c>
      <c r="D21" s="673">
        <f>TCOS!H233</f>
        <v>0.45259766040314414</v>
      </c>
      <c r="E21" s="674">
        <f>TCOS!J233</f>
        <v>3.7263588203395488E-2</v>
      </c>
      <c r="F21" s="675">
        <f>E21*D21</f>
        <v>1.6865412839083001E-2</v>
      </c>
      <c r="G21" s="662"/>
      <c r="H21" s="664"/>
      <c r="I21" s="676"/>
      <c r="J21" s="677"/>
      <c r="K21" s="439"/>
      <c r="L21" s="439"/>
      <c r="M21" s="439"/>
      <c r="N21" s="439"/>
      <c r="O21" s="439"/>
    </row>
    <row r="22" spans="3:16">
      <c r="C22" s="672" t="s">
        <v>57</v>
      </c>
      <c r="D22" s="673">
        <f>TCOS!H234</f>
        <v>0</v>
      </c>
      <c r="E22" s="674">
        <f>TCOS!J234</f>
        <v>0</v>
      </c>
      <c r="F22" s="675">
        <f>E22*D22</f>
        <v>0</v>
      </c>
      <c r="G22" s="678"/>
      <c r="H22" s="678"/>
      <c r="I22" s="679"/>
      <c r="J22" s="680"/>
      <c r="K22" s="1495" t="s">
        <v>239</v>
      </c>
      <c r="L22" s="1496"/>
      <c r="M22" s="1496"/>
      <c r="N22" s="1496"/>
      <c r="O22" s="1497"/>
      <c r="P22" s="680"/>
    </row>
    <row r="23" spans="3:16">
      <c r="C23" s="681" t="s">
        <v>29</v>
      </c>
      <c r="D23" s="673">
        <f>TCOS!H235</f>
        <v>0.5474023395968558</v>
      </c>
      <c r="E23" s="674">
        <f>+F18</f>
        <v>0.10349999999999999</v>
      </c>
      <c r="F23" s="682">
        <f>E23*D23</f>
        <v>5.6656142148274573E-2</v>
      </c>
      <c r="G23" s="678"/>
      <c r="H23" s="678"/>
      <c r="I23" s="679"/>
      <c r="J23" s="680"/>
      <c r="K23" s="1498"/>
      <c r="L23" s="1499"/>
      <c r="M23" s="1499"/>
      <c r="N23" s="1499"/>
      <c r="O23" s="1500"/>
      <c r="P23" s="680"/>
    </row>
    <row r="24" spans="3:16">
      <c r="C24" s="661"/>
      <c r="D24" s="173"/>
      <c r="E24" s="683" t="s">
        <v>58</v>
      </c>
      <c r="F24" s="675">
        <f>SUM(F21:F23)</f>
        <v>7.3521554987357574E-2</v>
      </c>
      <c r="G24" s="678"/>
      <c r="H24" s="678"/>
      <c r="I24" s="679"/>
      <c r="J24" s="680"/>
      <c r="K24" s="684"/>
      <c r="L24" s="685"/>
      <c r="M24" s="686" t="s">
        <v>52</v>
      </c>
      <c r="N24" s="686" t="s">
        <v>53</v>
      </c>
      <c r="O24" s="687" t="s">
        <v>55</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9</v>
      </c>
      <c r="L26" s="695">
        <f>+TCOS!L4</f>
        <v>2021</v>
      </c>
      <c r="M26" s="956">
        <f>N88+N178+N267+N356+N446+N535+N624+N713+N802+N893</f>
        <v>47169052.490170203</v>
      </c>
      <c r="N26" s="956">
        <f>N89+N179+N268+N357+N447+N536+N625+N714+N803+N894</f>
        <v>47169052.490170203</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2392640778.1492734</v>
      </c>
      <c r="G28" s="689"/>
      <c r="H28" s="689"/>
      <c r="I28" s="689"/>
      <c r="J28" s="689"/>
      <c r="K28" s="697"/>
      <c r="L28" s="697"/>
      <c r="M28" s="697"/>
      <c r="N28" s="697"/>
      <c r="O28" s="700"/>
      <c r="P28" s="689"/>
    </row>
    <row r="29" spans="3:16">
      <c r="C29" s="665" t="s">
        <v>284</v>
      </c>
      <c r="D29" s="701"/>
      <c r="F29" s="675">
        <f>F24</f>
        <v>7.3521554987357574E-2</v>
      </c>
      <c r="G29" s="689"/>
      <c r="H29" s="689"/>
      <c r="I29" s="689"/>
      <c r="J29" s="689"/>
      <c r="K29" s="689"/>
      <c r="L29" s="689"/>
      <c r="M29" s="689"/>
      <c r="N29" s="689"/>
      <c r="O29" s="689"/>
      <c r="P29" s="689"/>
    </row>
    <row r="30" spans="3:16">
      <c r="C30" s="702" t="s">
        <v>61</v>
      </c>
      <c r="D30" s="702"/>
      <c r="F30" s="679">
        <f>F28*F29</f>
        <v>175910670.53569582</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62</v>
      </c>
      <c r="D34" s="683"/>
      <c r="F34" s="707">
        <f>F30</f>
        <v>175910670.53569582</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6096188557981759</v>
      </c>
      <c r="G35" s="314"/>
      <c r="H35" s="709"/>
      <c r="I35" s="314"/>
      <c r="J35" s="426"/>
      <c r="K35" s="314"/>
      <c r="L35" s="314"/>
      <c r="M35" s="314"/>
      <c r="N35" s="314"/>
      <c r="O35" s="314"/>
      <c r="P35" s="426"/>
    </row>
    <row r="36" spans="2:16">
      <c r="C36" s="703" t="s">
        <v>63</v>
      </c>
      <c r="D36" s="539"/>
      <c r="F36" s="710">
        <f>F34*F35</f>
        <v>45905980.276605241</v>
      </c>
      <c r="G36" s="314"/>
      <c r="H36" s="709"/>
      <c r="I36" s="314"/>
      <c r="J36" s="426"/>
      <c r="K36" s="314"/>
      <c r="L36" s="314"/>
      <c r="M36" s="314"/>
      <c r="N36" s="314"/>
      <c r="O36" s="314"/>
      <c r="P36" s="426"/>
    </row>
    <row r="37" spans="2:16" ht="15">
      <c r="C37" s="661" t="s">
        <v>105</v>
      </c>
      <c r="D37" s="326"/>
      <c r="F37" s="711">
        <f>TCOS!L178</f>
        <v>0</v>
      </c>
      <c r="G37" s="326"/>
      <c r="H37" s="326"/>
      <c r="I37" s="326"/>
      <c r="J37" s="326"/>
      <c r="K37" s="326"/>
      <c r="L37" s="326"/>
      <c r="M37" s="326"/>
      <c r="N37" s="326"/>
      <c r="O37" s="231"/>
      <c r="P37" s="326"/>
    </row>
    <row r="38" spans="2:16" ht="15">
      <c r="C38" s="661" t="s">
        <v>560</v>
      </c>
      <c r="D38" s="326"/>
      <c r="F38" s="711">
        <f>TCOS!L179</f>
        <v>1531065.8577316727</v>
      </c>
      <c r="G38" s="326"/>
      <c r="H38" s="326"/>
      <c r="I38" s="326"/>
      <c r="J38" s="326"/>
      <c r="K38" s="326"/>
      <c r="L38" s="326"/>
      <c r="M38" s="326"/>
      <c r="N38" s="326"/>
      <c r="O38" s="231"/>
      <c r="P38" s="326"/>
    </row>
    <row r="39" spans="2:16" ht="15.75" thickBot="1">
      <c r="C39" s="661" t="s">
        <v>562</v>
      </c>
      <c r="D39" s="326"/>
      <c r="F39" s="712">
        <f>TCOS!L180</f>
        <v>511238.25353324017</v>
      </c>
      <c r="G39" s="326"/>
      <c r="H39" s="326"/>
      <c r="I39" s="326"/>
      <c r="J39" s="326"/>
      <c r="K39" s="326"/>
      <c r="L39" s="326"/>
      <c r="M39" s="326"/>
      <c r="N39" s="326"/>
      <c r="O39" s="231"/>
      <c r="P39" s="326"/>
    </row>
    <row r="40" spans="2:16" ht="15">
      <c r="C40" s="703" t="s">
        <v>64</v>
      </c>
      <c r="D40" s="326"/>
      <c r="F40" s="711">
        <f>F36+F37+F38+F39</f>
        <v>47948284.387870148</v>
      </c>
      <c r="G40" s="959"/>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7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61</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364467051.6598807</v>
      </c>
      <c r="H47" s="960"/>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0"/>
      <c r="I48" s="714"/>
      <c r="J48" s="714"/>
      <c r="K48" s="714"/>
      <c r="L48" s="714"/>
      <c r="M48" s="714"/>
      <c r="N48" s="714"/>
      <c r="O48" s="711"/>
      <c r="P48" s="714"/>
    </row>
    <row r="49" spans="2:16">
      <c r="B49" s="348"/>
      <c r="C49" s="661" t="str">
        <f>"   Return  (TCOS, ln "&amp;TCOS!B183&amp;")"</f>
        <v xml:space="preserve">   Return  (TCOS, ln 109)</v>
      </c>
      <c r="D49" s="714"/>
      <c r="E49" s="714"/>
      <c r="G49" s="716">
        <f>TCOS!L183</f>
        <v>175910670.53569582</v>
      </c>
      <c r="H49" s="961"/>
      <c r="I49" s="714"/>
      <c r="J49" s="717"/>
      <c r="K49" s="717"/>
      <c r="L49" s="717"/>
      <c r="M49" s="717"/>
      <c r="N49" s="717"/>
      <c r="O49" s="711"/>
      <c r="P49" s="717"/>
    </row>
    <row r="50" spans="2:16">
      <c r="B50" s="348"/>
      <c r="C50" s="661" t="str">
        <f>"   Income Taxes  (TCOS, ln "&amp;TCOS!B181&amp;")"</f>
        <v xml:space="preserve">   Income Taxes  (TCOS, ln 108)</v>
      </c>
      <c r="D50" s="714"/>
      <c r="E50" s="714"/>
      <c r="G50" s="718">
        <f>F40</f>
        <v>47948284.387870148</v>
      </c>
      <c r="H50" s="960"/>
      <c r="I50" s="714"/>
      <c r="J50" s="719"/>
      <c r="K50" s="719"/>
      <c r="L50" s="719"/>
      <c r="M50" s="719"/>
      <c r="N50" s="719"/>
      <c r="O50" s="714"/>
      <c r="P50" s="719"/>
    </row>
    <row r="51" spans="2:16">
      <c r="B51" s="348"/>
      <c r="C51" s="726" t="s">
        <v>617</v>
      </c>
      <c r="D51" s="714"/>
      <c r="E51" s="714"/>
      <c r="G51" s="716">
        <f>G47-G49-G50-G48</f>
        <v>140608096.73631471</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140608096.73631471</v>
      </c>
      <c r="H55" s="711"/>
      <c r="I55" s="714"/>
      <c r="J55" s="714"/>
      <c r="K55" s="714"/>
      <c r="L55" s="714"/>
      <c r="M55" s="714"/>
      <c r="N55" s="714"/>
      <c r="O55" s="724"/>
      <c r="P55" s="714"/>
    </row>
    <row r="56" spans="2:16">
      <c r="B56" s="348"/>
      <c r="C56" s="665" t="s">
        <v>102</v>
      </c>
      <c r="D56" s="725"/>
      <c r="E56" s="726"/>
      <c r="G56" s="727">
        <f>F30</f>
        <v>175910670.53569582</v>
      </c>
      <c r="H56" s="962"/>
      <c r="I56" s="714"/>
      <c r="J56" s="726"/>
      <c r="K56" s="726"/>
      <c r="L56" s="726"/>
      <c r="M56" s="726"/>
      <c r="N56" s="726"/>
      <c r="O56" s="726"/>
      <c r="P56" s="726"/>
    </row>
    <row r="57" spans="2:16" ht="12.75" customHeight="1">
      <c r="B57" s="348"/>
      <c r="C57" s="661" t="s">
        <v>70</v>
      </c>
      <c r="D57" s="714"/>
      <c r="E57" s="714"/>
      <c r="G57" s="718">
        <f>F40</f>
        <v>47948284.387870148</v>
      </c>
      <c r="H57" s="960"/>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364467051.6598807</v>
      </c>
      <c r="H58" s="963"/>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74098000</v>
      </c>
      <c r="H59" s="963"/>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290369051.6598807</v>
      </c>
      <c r="H60" s="963"/>
      <c r="I60" s="714"/>
      <c r="J60" s="426"/>
      <c r="K60" s="314"/>
      <c r="L60" s="314"/>
      <c r="M60" s="314"/>
      <c r="N60" s="314"/>
      <c r="O60" s="314"/>
      <c r="P60" s="426"/>
    </row>
    <row r="61" spans="2:16">
      <c r="B61" s="348"/>
      <c r="C61" s="314"/>
      <c r="D61" s="539"/>
      <c r="E61" s="314"/>
      <c r="F61" s="314"/>
      <c r="G61" s="314"/>
      <c r="H61" s="964"/>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4"/>
      <c r="I62" s="714"/>
      <c r="J62" s="426"/>
      <c r="K62" s="314"/>
      <c r="L62" s="314"/>
      <c r="M62" s="314"/>
      <c r="N62" s="314"/>
      <c r="O62" s="314"/>
      <c r="P62" s="426"/>
    </row>
    <row r="63" spans="2:16">
      <c r="B63" s="348"/>
      <c r="C63" s="314"/>
      <c r="D63" s="539"/>
      <c r="E63" s="314"/>
      <c r="F63" s="314"/>
      <c r="G63" s="314"/>
      <c r="H63" s="964"/>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2671210237.3976922</v>
      </c>
      <c r="H64" s="963"/>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364467051.6598807</v>
      </c>
      <c r="H65" s="963"/>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3644266803010852</v>
      </c>
      <c r="H66" s="965"/>
      <c r="I66" s="714"/>
      <c r="J66" s="426"/>
      <c r="K66" s="314"/>
      <c r="L66" s="314"/>
      <c r="M66" s="314"/>
      <c r="N66" s="314"/>
      <c r="O66" s="314"/>
      <c r="P66" s="426"/>
    </row>
    <row r="67" spans="2:17">
      <c r="B67" s="348"/>
      <c r="C67" s="209"/>
      <c r="D67" s="539"/>
      <c r="E67" s="314"/>
      <c r="G67" s="348"/>
      <c r="H67" s="955"/>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290369051.6598807</v>
      </c>
      <c r="H68" s="963"/>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0870318164951323</v>
      </c>
      <c r="H69" s="965"/>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0870318164951323</v>
      </c>
      <c r="H70" s="966"/>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5"/>
      <c r="I71" s="714"/>
      <c r="J71" s="426"/>
      <c r="K71" s="314"/>
      <c r="L71" s="314"/>
      <c r="M71" s="314"/>
      <c r="N71" s="314"/>
      <c r="O71" s="314"/>
      <c r="P71" s="426"/>
    </row>
    <row r="72" spans="2:17">
      <c r="B72" s="348"/>
      <c r="C72" s="726"/>
      <c r="D72" s="539"/>
      <c r="E72" s="314"/>
      <c r="F72" s="708"/>
      <c r="G72" s="314"/>
      <c r="H72" s="964"/>
      <c r="I72" s="314"/>
      <c r="J72" s="426"/>
      <c r="K72" s="314"/>
      <c r="L72" s="314"/>
      <c r="M72" s="314"/>
      <c r="N72" s="314"/>
      <c r="O72" s="314"/>
      <c r="P72" s="426"/>
    </row>
    <row r="73" spans="2:17" ht="18.75">
      <c r="B73" s="658" t="s">
        <v>473</v>
      </c>
      <c r="C73" s="657" t="s">
        <v>71</v>
      </c>
      <c r="D73" s="539"/>
      <c r="E73" s="314"/>
      <c r="F73" s="708"/>
      <c r="G73" s="314"/>
      <c r="H73" s="964"/>
      <c r="I73" s="314"/>
      <c r="J73" s="426"/>
      <c r="K73" s="314"/>
      <c r="L73" s="314"/>
      <c r="M73" s="314"/>
      <c r="N73" s="314"/>
      <c r="O73" s="314"/>
      <c r="P73" s="426"/>
    </row>
    <row r="74" spans="2:17">
      <c r="B74" s="348"/>
      <c r="C74" s="726"/>
      <c r="D74" s="539"/>
      <c r="E74" s="314"/>
      <c r="F74" s="708"/>
      <c r="G74" s="314"/>
      <c r="H74" s="964"/>
      <c r="I74" s="314"/>
      <c r="J74" s="426"/>
      <c r="K74" s="314"/>
      <c r="L74" s="314"/>
      <c r="M74" s="314"/>
      <c r="N74" s="314"/>
      <c r="O74" s="314"/>
      <c r="P74" s="426"/>
    </row>
    <row r="75" spans="2:17">
      <c r="B75" s="348"/>
      <c r="C75" s="726" t="str">
        <f>+"Average Transmission Plant Balance for "&amp;TCOS!L4&amp;" TCOS, ln "&amp;TCOS!B63</f>
        <v>Average Transmission Plant Balance for 2021 TCOS, ln 19</v>
      </c>
      <c r="D75" s="1254"/>
      <c r="E75" s="348"/>
      <c r="F75" s="348"/>
      <c r="G75" s="489">
        <f>TCOS!L63</f>
        <v>2870798237.3976922</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74098000</v>
      </c>
      <c r="H76" s="709"/>
      <c r="I76" s="314"/>
      <c r="J76" s="426"/>
      <c r="K76" s="314"/>
      <c r="L76" s="314"/>
      <c r="M76" s="314"/>
      <c r="N76" s="314"/>
      <c r="O76" s="314"/>
      <c r="P76" s="426"/>
    </row>
    <row r="77" spans="2:17" ht="12.75" customHeight="1">
      <c r="B77" s="348"/>
      <c r="C77" s="726" t="s">
        <v>72</v>
      </c>
      <c r="D77" s="539"/>
      <c r="E77" s="314"/>
      <c r="G77" s="900">
        <f>G76/G75</f>
        <v>2.5810939631608527E-2</v>
      </c>
      <c r="H77" s="732"/>
      <c r="I77" s="1494"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494"/>
      <c r="K77" s="1494"/>
      <c r="L77" s="1494"/>
      <c r="M77" s="1494"/>
      <c r="N77" s="1494"/>
      <c r="O77" s="1494"/>
      <c r="P77" s="659"/>
      <c r="Q77" s="659"/>
    </row>
    <row r="78" spans="2:17">
      <c r="B78" s="348"/>
      <c r="C78" s="726" t="s">
        <v>73</v>
      </c>
      <c r="D78" s="539"/>
      <c r="E78" s="314"/>
      <c r="G78" s="733">
        <f>IF(G77=0,0,1/G77)</f>
        <v>38.743262131200467</v>
      </c>
      <c r="H78" s="709"/>
      <c r="I78" s="1494"/>
      <c r="J78" s="1494"/>
      <c r="K78" s="1494"/>
      <c r="L78" s="1494"/>
      <c r="M78" s="1494"/>
      <c r="N78" s="1494"/>
      <c r="O78" s="1494"/>
      <c r="P78" s="659"/>
      <c r="Q78" s="659"/>
    </row>
    <row r="79" spans="2:17">
      <c r="B79" s="348"/>
      <c r="C79" s="726" t="s">
        <v>598</v>
      </c>
      <c r="D79" s="539"/>
      <c r="E79" s="314"/>
      <c r="G79" s="734">
        <f>ROUND(G78,0)</f>
        <v>39</v>
      </c>
      <c r="H79" s="709"/>
      <c r="I79" s="1494"/>
      <c r="J79" s="1494"/>
      <c r="K79" s="1494"/>
      <c r="L79" s="1494"/>
      <c r="M79" s="1494"/>
      <c r="N79" s="1494"/>
      <c r="O79" s="1494"/>
      <c r="P79" s="659"/>
      <c r="Q79" s="659"/>
    </row>
    <row r="80" spans="2:17">
      <c r="B80" s="348"/>
      <c r="C80" s="726"/>
      <c r="D80" s="539"/>
      <c r="E80" s="314"/>
      <c r="G80" s="735"/>
      <c r="H80" s="709"/>
      <c r="I80" s="1494"/>
      <c r="J80" s="1494"/>
      <c r="K80" s="1494"/>
      <c r="L80" s="1494"/>
      <c r="M80" s="1494"/>
      <c r="N80" s="1494"/>
      <c r="O80" s="1494"/>
    </row>
    <row r="81" spans="1:16">
      <c r="C81" s="736"/>
      <c r="D81" s="737"/>
      <c r="E81" s="737"/>
      <c r="F81" s="737"/>
      <c r="G81" s="731"/>
      <c r="H81" s="731"/>
    </row>
    <row r="82" spans="1:16" ht="20.25">
      <c r="A82" s="738" t="str">
        <f>""&amp;A6&amp;" Worksheet J -  ATRR PROJECTED Calculation for PJM Projects Charged to Benefiting Zones"</f>
        <v>AEP Indiana Michig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6)</f>
        <v>11</v>
      </c>
      <c r="P82" s="739">
        <v>1</v>
      </c>
    </row>
    <row r="83" spans="1:16">
      <c r="B83" s="348"/>
      <c r="C83" s="314"/>
      <c r="D83" s="539"/>
      <c r="E83" s="314"/>
      <c r="F83" s="314"/>
      <c r="G83" s="314"/>
      <c r="H83" s="709"/>
      <c r="I83" s="314"/>
      <c r="J83" s="426"/>
      <c r="K83" s="314"/>
      <c r="L83" s="314"/>
      <c r="M83" s="314"/>
      <c r="N83" s="314"/>
      <c r="O83" s="314"/>
      <c r="P83" s="426"/>
    </row>
    <row r="84" spans="1:16" ht="18">
      <c r="B84" s="658" t="s">
        <v>474</v>
      </c>
      <c r="C84" s="740" t="s">
        <v>93</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94</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95</v>
      </c>
      <c r="D88" s="539"/>
      <c r="E88" s="314"/>
      <c r="F88" s="314"/>
      <c r="G88" s="807"/>
      <c r="H88" s="314" t="s">
        <v>74</v>
      </c>
      <c r="I88" s="314"/>
      <c r="J88" s="426"/>
      <c r="K88" s="741" t="s">
        <v>99</v>
      </c>
      <c r="L88" s="742"/>
      <c r="M88" s="743"/>
      <c r="N88" s="744">
        <f>IF(I94=0,0,VLOOKUP(I94,C101:O160,5))</f>
        <v>734291.1289593752</v>
      </c>
      <c r="O88" s="314"/>
    </row>
    <row r="89" spans="1:16" ht="15.75">
      <c r="C89" s="660"/>
      <c r="D89" s="539"/>
      <c r="E89" s="314"/>
      <c r="F89" s="314"/>
      <c r="G89" s="314"/>
      <c r="H89" s="745"/>
      <c r="I89" s="745"/>
      <c r="J89" s="746"/>
      <c r="K89" s="747" t="s">
        <v>100</v>
      </c>
      <c r="L89" s="748"/>
      <c r="M89" s="426"/>
      <c r="N89" s="749">
        <f>IF(I94=0,0,VLOOKUP(I94,C101:O160,6))</f>
        <v>734291.1289593752</v>
      </c>
      <c r="O89" s="314"/>
    </row>
    <row r="90" spans="1:16" ht="13.5" thickBot="1">
      <c r="C90" s="750" t="s">
        <v>96</v>
      </c>
      <c r="D90" s="1314" t="s">
        <v>820</v>
      </c>
      <c r="E90" s="1314"/>
      <c r="F90" s="1314"/>
      <c r="G90" s="1314"/>
      <c r="H90" s="1314"/>
      <c r="I90" s="1314"/>
      <c r="J90" s="731"/>
      <c r="K90" s="751" t="s">
        <v>238</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97</v>
      </c>
      <c r="D93" s="761"/>
      <c r="E93" s="761"/>
      <c r="F93" s="761"/>
      <c r="G93" s="761"/>
      <c r="H93" s="761"/>
      <c r="I93" s="762"/>
      <c r="J93" s="763"/>
      <c r="K93" s="314"/>
      <c r="L93" s="314"/>
      <c r="M93" s="314"/>
      <c r="N93" s="314"/>
      <c r="O93" s="764"/>
    </row>
    <row r="94" spans="1:16" ht="15">
      <c r="C94" s="765" t="s">
        <v>75</v>
      </c>
      <c r="D94" s="809">
        <v>6636011</v>
      </c>
      <c r="E94" s="726" t="s">
        <v>76</v>
      </c>
      <c r="G94" s="766"/>
      <c r="H94" s="766"/>
      <c r="I94" s="767">
        <f>$L$26</f>
        <v>2021</v>
      </c>
      <c r="J94" s="555"/>
      <c r="K94" s="1490" t="s">
        <v>247</v>
      </c>
      <c r="L94" s="1490"/>
      <c r="M94" s="1490"/>
      <c r="N94" s="1490"/>
      <c r="O94" s="1490"/>
    </row>
    <row r="95" spans="1:16">
      <c r="C95" s="765" t="s">
        <v>78</v>
      </c>
      <c r="D95" s="810">
        <v>2012</v>
      </c>
      <c r="E95" s="765" t="s">
        <v>79</v>
      </c>
      <c r="F95" s="766"/>
      <c r="H95" s="173"/>
      <c r="I95" s="811">
        <f>IF(G88="",0,$F$17)</f>
        <v>0</v>
      </c>
      <c r="J95" s="768"/>
      <c r="K95" s="731" t="s">
        <v>247</v>
      </c>
    </row>
    <row r="96" spans="1:16">
      <c r="C96" s="765" t="s">
        <v>80</v>
      </c>
      <c r="D96" s="809">
        <v>12</v>
      </c>
      <c r="E96" s="765" t="s">
        <v>81</v>
      </c>
      <c r="F96" s="766"/>
      <c r="H96" s="173"/>
      <c r="I96" s="769">
        <f>$G$70</f>
        <v>0.10870318164951323</v>
      </c>
      <c r="J96" s="770"/>
      <c r="K96" s="173" t="str">
        <f>"          INPUT PROJECTED ARR (WITH &amp; WITHOUT INCENTIVES) FROM EACH PRIOR YEAR"</f>
        <v xml:space="preserve">          INPUT PROJECTED ARR (WITH &amp; WITHOUT INCENTIVES) FROM EACH PRIOR YEAR</v>
      </c>
    </row>
    <row r="97" spans="2:15">
      <c r="C97" s="765" t="s">
        <v>82</v>
      </c>
      <c r="D97" s="771">
        <f>$G$79</f>
        <v>39</v>
      </c>
      <c r="E97" s="765" t="s">
        <v>83</v>
      </c>
      <c r="F97" s="766"/>
      <c r="H97" s="173"/>
      <c r="I97" s="769">
        <f>IF(G88="",I96,$G$69)</f>
        <v>0.10870318164951323</v>
      </c>
      <c r="J97" s="772"/>
      <c r="K97" s="173" t="s">
        <v>160</v>
      </c>
    </row>
    <row r="98" spans="2:15" ht="13.5" thickBot="1">
      <c r="C98" s="765" t="s">
        <v>84</v>
      </c>
      <c r="D98" s="808" t="s">
        <v>819</v>
      </c>
      <c r="E98" s="773" t="s">
        <v>85</v>
      </c>
      <c r="F98" s="774"/>
      <c r="G98" s="775"/>
      <c r="H98" s="775"/>
      <c r="I98" s="753">
        <f>IF(D94=0,0,D94/D97)</f>
        <v>170154.12820512822</v>
      </c>
      <c r="J98" s="731"/>
      <c r="K98" s="731" t="s">
        <v>166</v>
      </c>
      <c r="L98" s="731"/>
      <c r="M98" s="731"/>
      <c r="N98" s="731"/>
      <c r="O98" s="426"/>
    </row>
    <row r="99" spans="2:15" ht="51">
      <c r="B99" s="846"/>
      <c r="C99" s="776" t="s">
        <v>75</v>
      </c>
      <c r="D99" s="777" t="s">
        <v>86</v>
      </c>
      <c r="E99" s="778" t="s">
        <v>87</v>
      </c>
      <c r="F99" s="777" t="s">
        <v>88</v>
      </c>
      <c r="G99" s="778" t="s">
        <v>159</v>
      </c>
      <c r="H99" s="779" t="s">
        <v>159</v>
      </c>
      <c r="I99" s="776" t="s">
        <v>98</v>
      </c>
      <c r="J99" s="780"/>
      <c r="K99" s="778" t="s">
        <v>168</v>
      </c>
      <c r="L99" s="781"/>
      <c r="M99" s="778" t="s">
        <v>168</v>
      </c>
      <c r="N99" s="781"/>
      <c r="O99" s="781"/>
    </row>
    <row r="100" spans="2:15" ht="13.5" thickBot="1">
      <c r="C100" s="782" t="s">
        <v>477</v>
      </c>
      <c r="D100" s="783" t="s">
        <v>478</v>
      </c>
      <c r="E100" s="782" t="s">
        <v>371</v>
      </c>
      <c r="F100" s="783" t="s">
        <v>478</v>
      </c>
      <c r="G100" s="784" t="s">
        <v>101</v>
      </c>
      <c r="H100" s="785" t="s">
        <v>103</v>
      </c>
      <c r="I100" s="786" t="s">
        <v>15</v>
      </c>
      <c r="J100" s="787"/>
      <c r="K100" s="784" t="s">
        <v>90</v>
      </c>
      <c r="L100" s="788"/>
      <c r="M100" s="784" t="s">
        <v>103</v>
      </c>
      <c r="N100" s="788"/>
      <c r="O100" s="788"/>
    </row>
    <row r="101" spans="2:15">
      <c r="C101" s="789">
        <f>IF(D95= "","-",D95)</f>
        <v>2012</v>
      </c>
      <c r="D101" s="737">
        <f>+D94</f>
        <v>6636011</v>
      </c>
      <c r="E101" s="790">
        <f>+I98/12*(12-D96)</f>
        <v>0</v>
      </c>
      <c r="F101" s="737">
        <f>+D101-E101</f>
        <v>6636011</v>
      </c>
      <c r="G101" s="999">
        <f>+$I$96*((D101+F101)/2)+E101</f>
        <v>721355.50916116789</v>
      </c>
      <c r="H101" s="1000">
        <f>$I$97*((D101+F101)/2)+E101</f>
        <v>721355.50916116789</v>
      </c>
      <c r="I101" s="793">
        <f>+H101-G101</f>
        <v>0</v>
      </c>
      <c r="J101" s="793"/>
      <c r="K101" s="812">
        <v>655786</v>
      </c>
      <c r="L101" s="794"/>
      <c r="M101" s="812">
        <v>655786</v>
      </c>
      <c r="N101" s="794"/>
      <c r="O101" s="794"/>
    </row>
    <row r="102" spans="2:15">
      <c r="C102" s="789">
        <f>IF(D95="","-",+C101+1)</f>
        <v>2013</v>
      </c>
      <c r="D102" s="737">
        <f t="shared" ref="D102:D160" si="0">F101</f>
        <v>6636011</v>
      </c>
      <c r="E102" s="790">
        <f>IF(D102&gt;$I$98,$I$98,D102)</f>
        <v>170154.12820512822</v>
      </c>
      <c r="F102" s="737">
        <f t="shared" ref="F102:F160" si="1">+D102-E102</f>
        <v>6465856.871794872</v>
      </c>
      <c r="G102" s="795">
        <f t="shared" ref="G102:G160" si="2">+$I$96*((D102+F102)/2)+E102</f>
        <v>882261.48981294793</v>
      </c>
      <c r="H102" s="796">
        <f t="shared" ref="H102:H160" si="3">$I$97*((D102+F102)/2)+E102</f>
        <v>882261.48981294793</v>
      </c>
      <c r="I102" s="793">
        <f t="shared" ref="I102:I160" si="4">+H102-G102</f>
        <v>0</v>
      </c>
      <c r="J102" s="793"/>
      <c r="K102" s="813">
        <v>758010</v>
      </c>
      <c r="L102" s="797"/>
      <c r="M102" s="813">
        <v>758010</v>
      </c>
      <c r="N102" s="797"/>
      <c r="O102" s="797"/>
    </row>
    <row r="103" spans="2:15">
      <c r="C103" s="789">
        <f>IF(D95="","-",+C102+1)</f>
        <v>2014</v>
      </c>
      <c r="D103" s="737">
        <f t="shared" si="0"/>
        <v>6465856.871794872</v>
      </c>
      <c r="E103" s="790">
        <f t="shared" ref="E103:E160" si="5">IF(D103&gt;$I$98,$I$98,D103)</f>
        <v>170154.12820512822</v>
      </c>
      <c r="F103" s="737">
        <f t="shared" si="1"/>
        <v>6295702.743589744</v>
      </c>
      <c r="G103" s="795">
        <f t="shared" si="2"/>
        <v>863765.19470625126</v>
      </c>
      <c r="H103" s="796">
        <f t="shared" si="3"/>
        <v>863765.19470625126</v>
      </c>
      <c r="I103" s="793">
        <f t="shared" si="4"/>
        <v>0</v>
      </c>
      <c r="J103" s="793"/>
      <c r="K103" s="813">
        <v>735370</v>
      </c>
      <c r="L103" s="797"/>
      <c r="M103" s="813">
        <v>735370</v>
      </c>
      <c r="N103" s="797"/>
      <c r="O103" s="797"/>
    </row>
    <row r="104" spans="2:15">
      <c r="C104" s="789">
        <f>IF(D95="","-",+C103+1)</f>
        <v>2015</v>
      </c>
      <c r="D104" s="737">
        <f t="shared" si="0"/>
        <v>6295702.743589744</v>
      </c>
      <c r="E104" s="790">
        <f t="shared" si="5"/>
        <v>170154.12820512822</v>
      </c>
      <c r="F104" s="737">
        <f t="shared" si="1"/>
        <v>6125548.615384616</v>
      </c>
      <c r="G104" s="795">
        <f t="shared" si="2"/>
        <v>845268.89959955472</v>
      </c>
      <c r="H104" s="796">
        <f t="shared" si="3"/>
        <v>845268.89959955472</v>
      </c>
      <c r="I104" s="793">
        <f t="shared" si="4"/>
        <v>0</v>
      </c>
      <c r="J104" s="793"/>
      <c r="K104" s="813">
        <v>1351122</v>
      </c>
      <c r="L104" s="797"/>
      <c r="M104" s="813">
        <v>1351122</v>
      </c>
      <c r="N104" s="797"/>
      <c r="O104" s="797"/>
    </row>
    <row r="105" spans="2:15">
      <c r="C105" s="789">
        <f>IF(D95="","-",+C104+1)</f>
        <v>2016</v>
      </c>
      <c r="D105" s="737">
        <f t="shared" si="0"/>
        <v>6125548.615384616</v>
      </c>
      <c r="E105" s="790">
        <f t="shared" si="5"/>
        <v>170154.12820512822</v>
      </c>
      <c r="F105" s="737">
        <f t="shared" si="1"/>
        <v>5955394.4871794879</v>
      </c>
      <c r="G105" s="795">
        <f t="shared" si="2"/>
        <v>826772.60449285817</v>
      </c>
      <c r="H105" s="796">
        <f t="shared" si="3"/>
        <v>826772.60449285817</v>
      </c>
      <c r="I105" s="793">
        <f t="shared" si="4"/>
        <v>0</v>
      </c>
      <c r="J105" s="793"/>
      <c r="K105" s="813">
        <v>758565</v>
      </c>
      <c r="L105" s="797"/>
      <c r="M105" s="813">
        <v>758565</v>
      </c>
      <c r="N105" s="797"/>
      <c r="O105" s="797"/>
    </row>
    <row r="106" spans="2:15">
      <c r="C106" s="1316">
        <f>IF(D95="","-",+C105+1)</f>
        <v>2017</v>
      </c>
      <c r="D106" s="737">
        <f t="shared" si="0"/>
        <v>5955394.4871794879</v>
      </c>
      <c r="E106" s="790">
        <f t="shared" si="5"/>
        <v>170154.12820512822</v>
      </c>
      <c r="F106" s="737">
        <f t="shared" si="1"/>
        <v>5785240.3589743599</v>
      </c>
      <c r="G106" s="795">
        <f t="shared" si="2"/>
        <v>808276.30938616151</v>
      </c>
      <c r="H106" s="796">
        <f t="shared" si="3"/>
        <v>808276.30938616151</v>
      </c>
      <c r="I106" s="793">
        <f t="shared" si="4"/>
        <v>0</v>
      </c>
      <c r="J106" s="793"/>
      <c r="K106" s="813">
        <v>1860187</v>
      </c>
      <c r="L106" s="797"/>
      <c r="M106" s="813">
        <v>1860187</v>
      </c>
      <c r="N106" s="797"/>
      <c r="O106" s="797"/>
    </row>
    <row r="107" spans="2:15">
      <c r="C107" s="1338">
        <f>IF(D95="","-",+C106+1)</f>
        <v>2018</v>
      </c>
      <c r="D107" s="737">
        <f t="shared" si="0"/>
        <v>5785240.3589743599</v>
      </c>
      <c r="E107" s="790">
        <f t="shared" si="5"/>
        <v>170154.12820512822</v>
      </c>
      <c r="F107" s="737">
        <f t="shared" si="1"/>
        <v>5615086.2307692319</v>
      </c>
      <c r="G107" s="795">
        <f t="shared" si="2"/>
        <v>789780.01427946496</v>
      </c>
      <c r="H107" s="796">
        <f t="shared" si="3"/>
        <v>789780.01427946496</v>
      </c>
      <c r="I107" s="793">
        <f t="shared" si="4"/>
        <v>0</v>
      </c>
      <c r="J107" s="793"/>
      <c r="K107" s="813">
        <v>1592956</v>
      </c>
      <c r="L107" s="797"/>
      <c r="M107" s="813">
        <v>1592956</v>
      </c>
      <c r="N107" s="797"/>
      <c r="O107" s="797"/>
    </row>
    <row r="108" spans="2:15">
      <c r="C108" s="1316">
        <f>IF(D95="","-",+C107+1)</f>
        <v>2019</v>
      </c>
      <c r="D108" s="737">
        <f t="shared" si="0"/>
        <v>5615086.2307692319</v>
      </c>
      <c r="E108" s="790">
        <f t="shared" si="5"/>
        <v>170154.12820512822</v>
      </c>
      <c r="F108" s="737">
        <f t="shared" si="1"/>
        <v>5444932.1025641039</v>
      </c>
      <c r="G108" s="795">
        <f t="shared" si="2"/>
        <v>771283.71917276829</v>
      </c>
      <c r="H108" s="796">
        <f t="shared" si="3"/>
        <v>771283.71917276829</v>
      </c>
      <c r="I108" s="793">
        <f t="shared" si="4"/>
        <v>0</v>
      </c>
      <c r="J108" s="793"/>
      <c r="K108" s="813">
        <v>744108.21654643468</v>
      </c>
      <c r="L108" s="797"/>
      <c r="M108" s="813">
        <v>744108.21654643468</v>
      </c>
      <c r="N108" s="797"/>
      <c r="O108" s="797"/>
    </row>
    <row r="109" spans="2:15">
      <c r="C109" s="1316">
        <f>IF(D95="","-",+C108+1)</f>
        <v>2020</v>
      </c>
      <c r="D109" s="737">
        <f t="shared" si="0"/>
        <v>5444932.1025641039</v>
      </c>
      <c r="E109" s="790">
        <f t="shared" si="5"/>
        <v>170154.12820512822</v>
      </c>
      <c r="F109" s="737">
        <f t="shared" si="1"/>
        <v>5274777.9743589759</v>
      </c>
      <c r="G109" s="795">
        <f t="shared" si="2"/>
        <v>752787.42406607175</v>
      </c>
      <c r="H109" s="796">
        <f t="shared" si="3"/>
        <v>752787.42406607175</v>
      </c>
      <c r="I109" s="793">
        <f t="shared" si="4"/>
        <v>0</v>
      </c>
      <c r="J109" s="793"/>
      <c r="K109" s="813">
        <v>752419.89785591606</v>
      </c>
      <c r="L109" s="797"/>
      <c r="M109" s="1321">
        <v>752419.89785591606</v>
      </c>
      <c r="N109" s="797"/>
      <c r="O109" s="797"/>
    </row>
    <row r="110" spans="2:15">
      <c r="C110" s="1315">
        <f>IF(D95="","-",+C109+1)</f>
        <v>2021</v>
      </c>
      <c r="D110" s="737">
        <f t="shared" si="0"/>
        <v>5274777.9743589759</v>
      </c>
      <c r="E110" s="790">
        <f t="shared" si="5"/>
        <v>170154.12820512822</v>
      </c>
      <c r="F110" s="737">
        <f t="shared" si="1"/>
        <v>5104623.8461538479</v>
      </c>
      <c r="G110" s="795">
        <f t="shared" si="2"/>
        <v>734291.1289593752</v>
      </c>
      <c r="H110" s="796">
        <f t="shared" si="3"/>
        <v>734291.1289593752</v>
      </c>
      <c r="I110" s="793">
        <f t="shared" si="4"/>
        <v>0</v>
      </c>
      <c r="J110" s="793"/>
      <c r="K110" s="813"/>
      <c r="L110" s="797"/>
      <c r="M110" s="813"/>
      <c r="N110" s="797"/>
      <c r="O110" s="797"/>
    </row>
    <row r="111" spans="2:15">
      <c r="C111" s="789">
        <f>IF(D95="","-",+C110+1)</f>
        <v>2022</v>
      </c>
      <c r="D111" s="737">
        <f t="shared" si="0"/>
        <v>5104623.8461538479</v>
      </c>
      <c r="E111" s="790">
        <f t="shared" si="5"/>
        <v>170154.12820512822</v>
      </c>
      <c r="F111" s="737">
        <f t="shared" si="1"/>
        <v>4934469.7179487199</v>
      </c>
      <c r="G111" s="795">
        <f t="shared" si="2"/>
        <v>715794.83385267854</v>
      </c>
      <c r="H111" s="796">
        <f t="shared" si="3"/>
        <v>715794.83385267854</v>
      </c>
      <c r="I111" s="793">
        <f t="shared" si="4"/>
        <v>0</v>
      </c>
      <c r="J111" s="793"/>
      <c r="K111" s="813"/>
      <c r="L111" s="797"/>
      <c r="M111" s="813"/>
      <c r="N111" s="797"/>
      <c r="O111" s="797"/>
    </row>
    <row r="112" spans="2:15">
      <c r="C112" s="789">
        <f>IF(D95="","-",+C111+1)</f>
        <v>2023</v>
      </c>
      <c r="D112" s="737">
        <f t="shared" si="0"/>
        <v>4934469.7179487199</v>
      </c>
      <c r="E112" s="790">
        <f t="shared" si="5"/>
        <v>170154.12820512822</v>
      </c>
      <c r="F112" s="737">
        <f t="shared" si="1"/>
        <v>4764315.5897435918</v>
      </c>
      <c r="G112" s="795">
        <f t="shared" si="2"/>
        <v>697298.53874598199</v>
      </c>
      <c r="H112" s="796">
        <f t="shared" si="3"/>
        <v>697298.53874598199</v>
      </c>
      <c r="I112" s="793">
        <f t="shared" si="4"/>
        <v>0</v>
      </c>
      <c r="J112" s="793"/>
      <c r="K112" s="813"/>
      <c r="L112" s="797"/>
      <c r="M112" s="813"/>
      <c r="N112" s="797"/>
      <c r="O112" s="797"/>
    </row>
    <row r="113" spans="3:15">
      <c r="C113" s="789">
        <f>IF(D95="","-",+C112+1)</f>
        <v>2024</v>
      </c>
      <c r="D113" s="737">
        <f t="shared" si="0"/>
        <v>4764315.5897435918</v>
      </c>
      <c r="E113" s="790">
        <f t="shared" si="5"/>
        <v>170154.12820512822</v>
      </c>
      <c r="F113" s="737">
        <f t="shared" si="1"/>
        <v>4594161.4615384638</v>
      </c>
      <c r="G113" s="795">
        <f t="shared" si="2"/>
        <v>678802.24363928533</v>
      </c>
      <c r="H113" s="796">
        <f t="shared" si="3"/>
        <v>678802.24363928533</v>
      </c>
      <c r="I113" s="793">
        <f t="shared" si="4"/>
        <v>0</v>
      </c>
      <c r="J113" s="793"/>
      <c r="K113" s="813"/>
      <c r="L113" s="797"/>
      <c r="M113" s="813"/>
      <c r="N113" s="798"/>
      <c r="O113" s="797"/>
    </row>
    <row r="114" spans="3:15">
      <c r="C114" s="789">
        <f>IF(D95="","-",+C113+1)</f>
        <v>2025</v>
      </c>
      <c r="D114" s="737">
        <f t="shared" si="0"/>
        <v>4594161.4615384638</v>
      </c>
      <c r="E114" s="790">
        <f t="shared" si="5"/>
        <v>170154.12820512822</v>
      </c>
      <c r="F114" s="737">
        <f t="shared" si="1"/>
        <v>4424007.3333333358</v>
      </c>
      <c r="G114" s="795">
        <f t="shared" si="2"/>
        <v>660305.94853258878</v>
      </c>
      <c r="H114" s="796">
        <f t="shared" si="3"/>
        <v>660305.94853258878</v>
      </c>
      <c r="I114" s="793">
        <f t="shared" si="4"/>
        <v>0</v>
      </c>
      <c r="J114" s="793"/>
      <c r="K114" s="813"/>
      <c r="L114" s="797"/>
      <c r="M114" s="813"/>
      <c r="N114" s="797"/>
      <c r="O114" s="797"/>
    </row>
    <row r="115" spans="3:15">
      <c r="C115" s="789">
        <f>IF(D95="","-",+C114+1)</f>
        <v>2026</v>
      </c>
      <c r="D115" s="737">
        <f t="shared" si="0"/>
        <v>4424007.3333333358</v>
      </c>
      <c r="E115" s="790">
        <f t="shared" si="5"/>
        <v>170154.12820512822</v>
      </c>
      <c r="F115" s="737">
        <f t="shared" si="1"/>
        <v>4253853.2051282078</v>
      </c>
      <c r="G115" s="795">
        <f t="shared" si="2"/>
        <v>641809.65342589212</v>
      </c>
      <c r="H115" s="796">
        <f t="shared" si="3"/>
        <v>641809.65342589212</v>
      </c>
      <c r="I115" s="793">
        <f t="shared" si="4"/>
        <v>0</v>
      </c>
      <c r="J115" s="793"/>
      <c r="K115" s="813"/>
      <c r="L115" s="797"/>
      <c r="M115" s="813"/>
      <c r="N115" s="797"/>
      <c r="O115" s="797"/>
    </row>
    <row r="116" spans="3:15">
      <c r="C116" s="789">
        <f>IF(D95="","-",+C115+1)</f>
        <v>2027</v>
      </c>
      <c r="D116" s="737">
        <f t="shared" si="0"/>
        <v>4253853.2051282078</v>
      </c>
      <c r="E116" s="790">
        <f t="shared" si="5"/>
        <v>170154.12820512822</v>
      </c>
      <c r="F116" s="737">
        <f t="shared" si="1"/>
        <v>4083699.0769230798</v>
      </c>
      <c r="G116" s="795">
        <f t="shared" si="2"/>
        <v>623313.35831919557</v>
      </c>
      <c r="H116" s="796">
        <f t="shared" si="3"/>
        <v>623313.35831919557</v>
      </c>
      <c r="I116" s="793">
        <f t="shared" si="4"/>
        <v>0</v>
      </c>
      <c r="J116" s="793"/>
      <c r="K116" s="813"/>
      <c r="L116" s="797"/>
      <c r="M116" s="813"/>
      <c r="N116" s="797"/>
      <c r="O116" s="797"/>
    </row>
    <row r="117" spans="3:15">
      <c r="C117" s="789">
        <f>IF(D95="","-",+C116+1)</f>
        <v>2028</v>
      </c>
      <c r="D117" s="737">
        <f t="shared" si="0"/>
        <v>4083699.0769230798</v>
      </c>
      <c r="E117" s="790">
        <f t="shared" si="5"/>
        <v>170154.12820512822</v>
      </c>
      <c r="F117" s="737">
        <f t="shared" si="1"/>
        <v>3913544.9487179518</v>
      </c>
      <c r="G117" s="795">
        <f t="shared" si="2"/>
        <v>604817.06321249902</v>
      </c>
      <c r="H117" s="796">
        <f t="shared" si="3"/>
        <v>604817.06321249902</v>
      </c>
      <c r="I117" s="793">
        <f t="shared" si="4"/>
        <v>0</v>
      </c>
      <c r="J117" s="793"/>
      <c r="K117" s="813"/>
      <c r="L117" s="797"/>
      <c r="M117" s="813"/>
      <c r="N117" s="797"/>
      <c r="O117" s="797"/>
    </row>
    <row r="118" spans="3:15">
      <c r="C118" s="789">
        <f>IF(D95="","-",+C117+1)</f>
        <v>2029</v>
      </c>
      <c r="D118" s="737">
        <f t="shared" si="0"/>
        <v>3913544.9487179518</v>
      </c>
      <c r="E118" s="790">
        <f t="shared" si="5"/>
        <v>170154.12820512822</v>
      </c>
      <c r="F118" s="737">
        <f t="shared" si="1"/>
        <v>3743390.8205128238</v>
      </c>
      <c r="G118" s="795">
        <f t="shared" si="2"/>
        <v>586320.76810580236</v>
      </c>
      <c r="H118" s="796">
        <f t="shared" si="3"/>
        <v>586320.76810580236</v>
      </c>
      <c r="I118" s="793">
        <f t="shared" si="4"/>
        <v>0</v>
      </c>
      <c r="J118" s="793"/>
      <c r="K118" s="813"/>
      <c r="L118" s="797"/>
      <c r="M118" s="813"/>
      <c r="N118" s="797"/>
      <c r="O118" s="797"/>
    </row>
    <row r="119" spans="3:15">
      <c r="C119" s="789">
        <f>IF(D95="","-",+C118+1)</f>
        <v>2030</v>
      </c>
      <c r="D119" s="737">
        <f t="shared" si="0"/>
        <v>3743390.8205128238</v>
      </c>
      <c r="E119" s="790">
        <f t="shared" si="5"/>
        <v>170154.12820512822</v>
      </c>
      <c r="F119" s="737">
        <f t="shared" si="1"/>
        <v>3573236.6923076957</v>
      </c>
      <c r="G119" s="795">
        <f t="shared" si="2"/>
        <v>567824.47299910581</v>
      </c>
      <c r="H119" s="796">
        <f t="shared" si="3"/>
        <v>567824.47299910581</v>
      </c>
      <c r="I119" s="793">
        <f t="shared" si="4"/>
        <v>0</v>
      </c>
      <c r="J119" s="793"/>
      <c r="K119" s="813"/>
      <c r="L119" s="797"/>
      <c r="M119" s="813"/>
      <c r="N119" s="797"/>
      <c r="O119" s="797"/>
    </row>
    <row r="120" spans="3:15">
      <c r="C120" s="789">
        <f>IF(D95="","-",+C119+1)</f>
        <v>2031</v>
      </c>
      <c r="D120" s="737">
        <f t="shared" si="0"/>
        <v>3573236.6923076957</v>
      </c>
      <c r="E120" s="790">
        <f t="shared" si="5"/>
        <v>170154.12820512822</v>
      </c>
      <c r="F120" s="737">
        <f t="shared" si="1"/>
        <v>3403082.5641025677</v>
      </c>
      <c r="G120" s="795">
        <f t="shared" si="2"/>
        <v>549328.17789240915</v>
      </c>
      <c r="H120" s="796">
        <f t="shared" si="3"/>
        <v>549328.17789240915</v>
      </c>
      <c r="I120" s="793">
        <f t="shared" si="4"/>
        <v>0</v>
      </c>
      <c r="J120" s="793"/>
      <c r="K120" s="813"/>
      <c r="L120" s="797"/>
      <c r="M120" s="813"/>
      <c r="N120" s="797"/>
      <c r="O120" s="797"/>
    </row>
    <row r="121" spans="3:15">
      <c r="C121" s="789">
        <f>IF(D95="","-",+C120+1)</f>
        <v>2032</v>
      </c>
      <c r="D121" s="737">
        <f t="shared" si="0"/>
        <v>3403082.5641025677</v>
      </c>
      <c r="E121" s="790">
        <f t="shared" si="5"/>
        <v>170154.12820512822</v>
      </c>
      <c r="F121" s="737">
        <f t="shared" si="1"/>
        <v>3232928.4358974397</v>
      </c>
      <c r="G121" s="795">
        <f t="shared" si="2"/>
        <v>530831.8827857126</v>
      </c>
      <c r="H121" s="796">
        <f t="shared" si="3"/>
        <v>530831.8827857126</v>
      </c>
      <c r="I121" s="793">
        <f t="shared" si="4"/>
        <v>0</v>
      </c>
      <c r="J121" s="793"/>
      <c r="K121" s="813"/>
      <c r="L121" s="797"/>
      <c r="M121" s="813"/>
      <c r="N121" s="797"/>
      <c r="O121" s="797"/>
    </row>
    <row r="122" spans="3:15">
      <c r="C122" s="789">
        <f>IF(D95="","-",+C121+1)</f>
        <v>2033</v>
      </c>
      <c r="D122" s="737">
        <f t="shared" si="0"/>
        <v>3232928.4358974397</v>
      </c>
      <c r="E122" s="790">
        <f t="shared" si="5"/>
        <v>170154.12820512822</v>
      </c>
      <c r="F122" s="737">
        <f t="shared" si="1"/>
        <v>3062774.3076923117</v>
      </c>
      <c r="G122" s="795">
        <f t="shared" si="2"/>
        <v>512335.58767901605</v>
      </c>
      <c r="H122" s="796">
        <f t="shared" si="3"/>
        <v>512335.58767901605</v>
      </c>
      <c r="I122" s="793">
        <f t="shared" si="4"/>
        <v>0</v>
      </c>
      <c r="J122" s="793"/>
      <c r="K122" s="813"/>
      <c r="L122" s="797"/>
      <c r="M122" s="813"/>
      <c r="N122" s="797"/>
      <c r="O122" s="797"/>
    </row>
    <row r="123" spans="3:15">
      <c r="C123" s="789">
        <f>IF(D95="","-",+C122+1)</f>
        <v>2034</v>
      </c>
      <c r="D123" s="737">
        <f t="shared" si="0"/>
        <v>3062774.3076923117</v>
      </c>
      <c r="E123" s="790">
        <f t="shared" si="5"/>
        <v>170154.12820512822</v>
      </c>
      <c r="F123" s="737">
        <f t="shared" si="1"/>
        <v>2892620.1794871837</v>
      </c>
      <c r="G123" s="795">
        <f t="shared" si="2"/>
        <v>493839.29257231939</v>
      </c>
      <c r="H123" s="796">
        <f t="shared" si="3"/>
        <v>493839.29257231939</v>
      </c>
      <c r="I123" s="793">
        <f t="shared" si="4"/>
        <v>0</v>
      </c>
      <c r="J123" s="793"/>
      <c r="K123" s="813"/>
      <c r="L123" s="797"/>
      <c r="M123" s="813"/>
      <c r="N123" s="797"/>
      <c r="O123" s="797"/>
    </row>
    <row r="124" spans="3:15">
      <c r="C124" s="789">
        <f>IF(D95="","-",+C123+1)</f>
        <v>2035</v>
      </c>
      <c r="D124" s="737">
        <f t="shared" si="0"/>
        <v>2892620.1794871837</v>
      </c>
      <c r="E124" s="790">
        <f t="shared" si="5"/>
        <v>170154.12820512822</v>
      </c>
      <c r="F124" s="737">
        <f t="shared" si="1"/>
        <v>2722466.0512820557</v>
      </c>
      <c r="G124" s="795">
        <f t="shared" si="2"/>
        <v>475342.99746562284</v>
      </c>
      <c r="H124" s="796">
        <f t="shared" si="3"/>
        <v>475342.99746562284</v>
      </c>
      <c r="I124" s="793">
        <f t="shared" si="4"/>
        <v>0</v>
      </c>
      <c r="J124" s="793"/>
      <c r="K124" s="813"/>
      <c r="L124" s="797"/>
      <c r="M124" s="813"/>
      <c r="N124" s="797"/>
      <c r="O124" s="797"/>
    </row>
    <row r="125" spans="3:15">
      <c r="C125" s="789">
        <f>IF(D95="","-",+C124+1)</f>
        <v>2036</v>
      </c>
      <c r="D125" s="737">
        <f t="shared" si="0"/>
        <v>2722466.0512820557</v>
      </c>
      <c r="E125" s="790">
        <f t="shared" si="5"/>
        <v>170154.12820512822</v>
      </c>
      <c r="F125" s="737">
        <f t="shared" si="1"/>
        <v>2552311.9230769277</v>
      </c>
      <c r="G125" s="795">
        <f t="shared" si="2"/>
        <v>456846.70235892618</v>
      </c>
      <c r="H125" s="796">
        <f t="shared" si="3"/>
        <v>456846.70235892618</v>
      </c>
      <c r="I125" s="793">
        <f t="shared" si="4"/>
        <v>0</v>
      </c>
      <c r="J125" s="793"/>
      <c r="K125" s="813"/>
      <c r="L125" s="797"/>
      <c r="M125" s="813"/>
      <c r="N125" s="797"/>
      <c r="O125" s="797"/>
    </row>
    <row r="126" spans="3:15">
      <c r="C126" s="789">
        <f>IF(D95="","-",+C125+1)</f>
        <v>2037</v>
      </c>
      <c r="D126" s="737">
        <f t="shared" si="0"/>
        <v>2552311.9230769277</v>
      </c>
      <c r="E126" s="790">
        <f t="shared" si="5"/>
        <v>170154.12820512822</v>
      </c>
      <c r="F126" s="737">
        <f t="shared" si="1"/>
        <v>2382157.7948717996</v>
      </c>
      <c r="G126" s="795">
        <f t="shared" si="2"/>
        <v>438350.40725222963</v>
      </c>
      <c r="H126" s="796">
        <f t="shared" si="3"/>
        <v>438350.40725222963</v>
      </c>
      <c r="I126" s="793">
        <f t="shared" si="4"/>
        <v>0</v>
      </c>
      <c r="J126" s="793"/>
      <c r="K126" s="813"/>
      <c r="L126" s="797"/>
      <c r="M126" s="813"/>
      <c r="N126" s="797"/>
      <c r="O126" s="797"/>
    </row>
    <row r="127" spans="3:15">
      <c r="C127" s="789">
        <f>IF(D95="","-",+C126+1)</f>
        <v>2038</v>
      </c>
      <c r="D127" s="737">
        <f t="shared" si="0"/>
        <v>2382157.7948717996</v>
      </c>
      <c r="E127" s="790">
        <f t="shared" si="5"/>
        <v>170154.12820512822</v>
      </c>
      <c r="F127" s="737">
        <f t="shared" si="1"/>
        <v>2212003.6666666716</v>
      </c>
      <c r="G127" s="795">
        <f t="shared" si="2"/>
        <v>419854.11214553303</v>
      </c>
      <c r="H127" s="796">
        <f t="shared" si="3"/>
        <v>419854.11214553303</v>
      </c>
      <c r="I127" s="793">
        <f t="shared" si="4"/>
        <v>0</v>
      </c>
      <c r="J127" s="793"/>
      <c r="K127" s="813"/>
      <c r="L127" s="797"/>
      <c r="M127" s="813"/>
      <c r="N127" s="797"/>
      <c r="O127" s="797"/>
    </row>
    <row r="128" spans="3:15">
      <c r="C128" s="789">
        <f>IF(D95="","-",+C127+1)</f>
        <v>2039</v>
      </c>
      <c r="D128" s="737">
        <f t="shared" si="0"/>
        <v>2212003.6666666716</v>
      </c>
      <c r="E128" s="790">
        <f t="shared" si="5"/>
        <v>170154.12820512822</v>
      </c>
      <c r="F128" s="737">
        <f t="shared" si="1"/>
        <v>2041849.5384615434</v>
      </c>
      <c r="G128" s="795">
        <f t="shared" si="2"/>
        <v>401357.81703883642</v>
      </c>
      <c r="H128" s="796">
        <f t="shared" si="3"/>
        <v>401357.81703883642</v>
      </c>
      <c r="I128" s="793">
        <f t="shared" si="4"/>
        <v>0</v>
      </c>
      <c r="J128" s="793"/>
      <c r="K128" s="813"/>
      <c r="L128" s="797"/>
      <c r="M128" s="813"/>
      <c r="N128" s="797"/>
      <c r="O128" s="797"/>
    </row>
    <row r="129" spans="3:15">
      <c r="C129" s="789">
        <f>IF(D95="","-",+C128+1)</f>
        <v>2040</v>
      </c>
      <c r="D129" s="737">
        <f t="shared" si="0"/>
        <v>2041849.5384615434</v>
      </c>
      <c r="E129" s="790">
        <f t="shared" si="5"/>
        <v>170154.12820512822</v>
      </c>
      <c r="F129" s="737">
        <f t="shared" si="1"/>
        <v>1871695.4102564151</v>
      </c>
      <c r="G129" s="791">
        <f t="shared" si="2"/>
        <v>382861.52193213976</v>
      </c>
      <c r="H129" s="796">
        <f t="shared" si="3"/>
        <v>382861.52193213976</v>
      </c>
      <c r="I129" s="793">
        <f t="shared" si="4"/>
        <v>0</v>
      </c>
      <c r="J129" s="793"/>
      <c r="K129" s="813"/>
      <c r="L129" s="797"/>
      <c r="M129" s="813"/>
      <c r="N129" s="797"/>
      <c r="O129" s="797"/>
    </row>
    <row r="130" spans="3:15">
      <c r="C130" s="789">
        <f>IF(D95="","-",+C129+1)</f>
        <v>2041</v>
      </c>
      <c r="D130" s="737">
        <f t="shared" si="0"/>
        <v>1871695.4102564151</v>
      </c>
      <c r="E130" s="790">
        <f t="shared" si="5"/>
        <v>170154.12820512822</v>
      </c>
      <c r="F130" s="737">
        <f t="shared" si="1"/>
        <v>1701541.2820512869</v>
      </c>
      <c r="G130" s="795">
        <f t="shared" si="2"/>
        <v>364365.22682544321</v>
      </c>
      <c r="H130" s="796">
        <f t="shared" si="3"/>
        <v>364365.22682544321</v>
      </c>
      <c r="I130" s="793">
        <f t="shared" si="4"/>
        <v>0</v>
      </c>
      <c r="J130" s="793"/>
      <c r="K130" s="813"/>
      <c r="L130" s="797"/>
      <c r="M130" s="813"/>
      <c r="N130" s="797"/>
      <c r="O130" s="797"/>
    </row>
    <row r="131" spans="3:15">
      <c r="C131" s="789">
        <f>IF(D95="","-",+C130+1)</f>
        <v>2042</v>
      </c>
      <c r="D131" s="737">
        <f t="shared" si="0"/>
        <v>1701541.2820512869</v>
      </c>
      <c r="E131" s="790">
        <f t="shared" si="5"/>
        <v>170154.12820512822</v>
      </c>
      <c r="F131" s="737">
        <f t="shared" si="1"/>
        <v>1531387.1538461586</v>
      </c>
      <c r="G131" s="795">
        <f t="shared" si="2"/>
        <v>345868.93171874655</v>
      </c>
      <c r="H131" s="796">
        <f t="shared" si="3"/>
        <v>345868.93171874655</v>
      </c>
      <c r="I131" s="793">
        <f t="shared" si="4"/>
        <v>0</v>
      </c>
      <c r="J131" s="793"/>
      <c r="K131" s="813"/>
      <c r="L131" s="797"/>
      <c r="M131" s="813"/>
      <c r="N131" s="797"/>
      <c r="O131" s="797"/>
    </row>
    <row r="132" spans="3:15">
      <c r="C132" s="789">
        <f>IF(D95="","-",+C131+1)</f>
        <v>2043</v>
      </c>
      <c r="D132" s="737">
        <f t="shared" si="0"/>
        <v>1531387.1538461586</v>
      </c>
      <c r="E132" s="790">
        <f t="shared" si="5"/>
        <v>170154.12820512822</v>
      </c>
      <c r="F132" s="737">
        <f t="shared" si="1"/>
        <v>1361233.0256410304</v>
      </c>
      <c r="G132" s="795">
        <f t="shared" si="2"/>
        <v>327372.63661205</v>
      </c>
      <c r="H132" s="796">
        <f t="shared" si="3"/>
        <v>327372.63661205</v>
      </c>
      <c r="I132" s="793">
        <f t="shared" si="4"/>
        <v>0</v>
      </c>
      <c r="J132" s="793"/>
      <c r="K132" s="813"/>
      <c r="L132" s="797"/>
      <c r="M132" s="813"/>
      <c r="N132" s="797"/>
      <c r="O132" s="797"/>
    </row>
    <row r="133" spans="3:15">
      <c r="C133" s="789">
        <f>IF(D95="","-",+C132+1)</f>
        <v>2044</v>
      </c>
      <c r="D133" s="737">
        <f t="shared" si="0"/>
        <v>1361233.0256410304</v>
      </c>
      <c r="E133" s="790">
        <f t="shared" si="5"/>
        <v>170154.12820512822</v>
      </c>
      <c r="F133" s="737">
        <f t="shared" si="1"/>
        <v>1191078.8974359022</v>
      </c>
      <c r="G133" s="795">
        <f t="shared" si="2"/>
        <v>308876.34150535334</v>
      </c>
      <c r="H133" s="796">
        <f t="shared" si="3"/>
        <v>308876.34150535334</v>
      </c>
      <c r="I133" s="793">
        <f t="shared" si="4"/>
        <v>0</v>
      </c>
      <c r="J133" s="793"/>
      <c r="K133" s="813"/>
      <c r="L133" s="797"/>
      <c r="M133" s="813"/>
      <c r="N133" s="797"/>
      <c r="O133" s="797"/>
    </row>
    <row r="134" spans="3:15">
      <c r="C134" s="789">
        <f>IF(D95="","-",+C133+1)</f>
        <v>2045</v>
      </c>
      <c r="D134" s="737">
        <f t="shared" si="0"/>
        <v>1191078.8974359022</v>
      </c>
      <c r="E134" s="790">
        <f t="shared" si="5"/>
        <v>170154.12820512822</v>
      </c>
      <c r="F134" s="737">
        <f t="shared" si="1"/>
        <v>1020924.7692307739</v>
      </c>
      <c r="G134" s="795">
        <f t="shared" si="2"/>
        <v>290380.04639865673</v>
      </c>
      <c r="H134" s="796">
        <f t="shared" si="3"/>
        <v>290380.04639865673</v>
      </c>
      <c r="I134" s="793">
        <f t="shared" si="4"/>
        <v>0</v>
      </c>
      <c r="J134" s="793"/>
      <c r="K134" s="813"/>
      <c r="L134" s="797"/>
      <c r="M134" s="813"/>
      <c r="N134" s="797"/>
      <c r="O134" s="797"/>
    </row>
    <row r="135" spans="3:15">
      <c r="C135" s="789">
        <f>IF(D95="","-",+C134+1)</f>
        <v>2046</v>
      </c>
      <c r="D135" s="737">
        <f t="shared" si="0"/>
        <v>1020924.7692307739</v>
      </c>
      <c r="E135" s="790">
        <f t="shared" si="5"/>
        <v>170154.12820512822</v>
      </c>
      <c r="F135" s="737">
        <f t="shared" si="1"/>
        <v>850770.64102564566</v>
      </c>
      <c r="G135" s="795">
        <f t="shared" si="2"/>
        <v>271883.75129196013</v>
      </c>
      <c r="H135" s="796">
        <f t="shared" si="3"/>
        <v>271883.75129196013</v>
      </c>
      <c r="I135" s="793">
        <f t="shared" si="4"/>
        <v>0</v>
      </c>
      <c r="J135" s="793"/>
      <c r="K135" s="813"/>
      <c r="L135" s="797"/>
      <c r="M135" s="813"/>
      <c r="N135" s="797"/>
      <c r="O135" s="797"/>
    </row>
    <row r="136" spans="3:15">
      <c r="C136" s="789">
        <f>IF(D95="","-",+C135+1)</f>
        <v>2047</v>
      </c>
      <c r="D136" s="737">
        <f t="shared" si="0"/>
        <v>850770.64102564566</v>
      </c>
      <c r="E136" s="790">
        <f t="shared" si="5"/>
        <v>170154.12820512822</v>
      </c>
      <c r="F136" s="737">
        <f t="shared" si="1"/>
        <v>680616.51282051741</v>
      </c>
      <c r="G136" s="795">
        <f t="shared" si="2"/>
        <v>253387.45618526347</v>
      </c>
      <c r="H136" s="796">
        <f t="shared" si="3"/>
        <v>253387.45618526347</v>
      </c>
      <c r="I136" s="793">
        <f t="shared" si="4"/>
        <v>0</v>
      </c>
      <c r="J136" s="793"/>
      <c r="K136" s="813"/>
      <c r="L136" s="797"/>
      <c r="M136" s="813"/>
      <c r="N136" s="797"/>
      <c r="O136" s="797"/>
    </row>
    <row r="137" spans="3:15">
      <c r="C137" s="789">
        <f>IF(D95="","-",+C136+1)</f>
        <v>2048</v>
      </c>
      <c r="D137" s="737">
        <f t="shared" si="0"/>
        <v>680616.51282051741</v>
      </c>
      <c r="E137" s="790">
        <f t="shared" si="5"/>
        <v>170154.12820512822</v>
      </c>
      <c r="F137" s="737">
        <f t="shared" si="1"/>
        <v>510462.38461538916</v>
      </c>
      <c r="G137" s="795">
        <f t="shared" si="2"/>
        <v>234891.16107856686</v>
      </c>
      <c r="H137" s="796">
        <f t="shared" si="3"/>
        <v>234891.16107856686</v>
      </c>
      <c r="I137" s="793">
        <f t="shared" si="4"/>
        <v>0</v>
      </c>
      <c r="J137" s="793"/>
      <c r="K137" s="813"/>
      <c r="L137" s="797"/>
      <c r="M137" s="813"/>
      <c r="N137" s="797"/>
      <c r="O137" s="797"/>
    </row>
    <row r="138" spans="3:15">
      <c r="C138" s="789">
        <f>IF(D95="","-",+C137+1)</f>
        <v>2049</v>
      </c>
      <c r="D138" s="737">
        <f t="shared" si="0"/>
        <v>510462.38461538916</v>
      </c>
      <c r="E138" s="790">
        <f t="shared" si="5"/>
        <v>170154.12820512822</v>
      </c>
      <c r="F138" s="737">
        <f t="shared" si="1"/>
        <v>340308.25641026092</v>
      </c>
      <c r="G138" s="795">
        <f t="shared" si="2"/>
        <v>216394.86597187025</v>
      </c>
      <c r="H138" s="796">
        <f t="shared" si="3"/>
        <v>216394.86597187025</v>
      </c>
      <c r="I138" s="793">
        <f t="shared" si="4"/>
        <v>0</v>
      </c>
      <c r="J138" s="793"/>
      <c r="K138" s="813"/>
      <c r="L138" s="797"/>
      <c r="M138" s="813"/>
      <c r="N138" s="797"/>
      <c r="O138" s="797"/>
    </row>
    <row r="139" spans="3:15">
      <c r="C139" s="789">
        <f>IF(D95="","-",+C138+1)</f>
        <v>2050</v>
      </c>
      <c r="D139" s="737">
        <f t="shared" si="0"/>
        <v>340308.25641026092</v>
      </c>
      <c r="E139" s="790">
        <f t="shared" si="5"/>
        <v>170154.12820512822</v>
      </c>
      <c r="F139" s="737">
        <f t="shared" si="1"/>
        <v>170154.1282051327</v>
      </c>
      <c r="G139" s="795">
        <f t="shared" si="2"/>
        <v>197898.57086517362</v>
      </c>
      <c r="H139" s="796">
        <f t="shared" si="3"/>
        <v>197898.57086517362</v>
      </c>
      <c r="I139" s="793">
        <f t="shared" si="4"/>
        <v>0</v>
      </c>
      <c r="J139" s="793"/>
      <c r="K139" s="813"/>
      <c r="L139" s="797"/>
      <c r="M139" s="813"/>
      <c r="N139" s="797"/>
      <c r="O139" s="797"/>
    </row>
    <row r="140" spans="3:15">
      <c r="C140" s="789">
        <f>IF(D95="","-",+C139+1)</f>
        <v>2051</v>
      </c>
      <c r="D140" s="737">
        <f t="shared" si="0"/>
        <v>170154.1282051327</v>
      </c>
      <c r="E140" s="790">
        <f t="shared" si="5"/>
        <v>170154.12820512822</v>
      </c>
      <c r="F140" s="737">
        <f t="shared" si="1"/>
        <v>4.4819898903369904E-9</v>
      </c>
      <c r="G140" s="795">
        <f t="shared" si="2"/>
        <v>179402.27575847702</v>
      </c>
      <c r="H140" s="796">
        <f t="shared" si="3"/>
        <v>179402.27575847702</v>
      </c>
      <c r="I140" s="793">
        <f t="shared" si="4"/>
        <v>0</v>
      </c>
      <c r="J140" s="793"/>
      <c r="K140" s="813"/>
      <c r="L140" s="797"/>
      <c r="M140" s="813"/>
      <c r="N140" s="797"/>
      <c r="O140" s="797"/>
    </row>
    <row r="141" spans="3:15">
      <c r="C141" s="789">
        <f>IF(D95="","-",+C140+1)</f>
        <v>2052</v>
      </c>
      <c r="D141" s="737">
        <f t="shared" si="0"/>
        <v>4.4819898903369904E-9</v>
      </c>
      <c r="E141" s="790">
        <f t="shared" si="5"/>
        <v>4.4819898903369904E-9</v>
      </c>
      <c r="F141" s="737">
        <f t="shared" si="1"/>
        <v>0</v>
      </c>
      <c r="G141" s="795">
        <f t="shared" si="2"/>
        <v>4.7255931709372819E-9</v>
      </c>
      <c r="H141" s="796">
        <f t="shared" si="3"/>
        <v>4.7255931709372819E-9</v>
      </c>
      <c r="I141" s="793">
        <f t="shared" si="4"/>
        <v>0</v>
      </c>
      <c r="J141" s="793"/>
      <c r="K141" s="813"/>
      <c r="L141" s="797"/>
      <c r="M141" s="813"/>
      <c r="N141" s="797"/>
      <c r="O141" s="797"/>
    </row>
    <row r="142" spans="3:15">
      <c r="C142" s="789">
        <f>IF(D95="","-",+C141+1)</f>
        <v>2053</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f>IF(D95="","-",+C142+1)</f>
        <v>2054</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f>IF(D95="","-",+C143+1)</f>
        <v>2055</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f>IF(D95="","-",+C144+1)</f>
        <v>2056</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f>IF(D95="","-",+C145+1)</f>
        <v>2057</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f>IF(D95="","-",+C146+1)</f>
        <v>2058</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f>IF(D95="","-",+C147+1)</f>
        <v>2059</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f>IF(D95="","-",+C148+1)</f>
        <v>2060</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f>IF(D95="","-",+C149+1)</f>
        <v>2061</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f>IF(D95="","-",+C150+1)</f>
        <v>2062</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f>IF(D95="","-",+C151+1)</f>
        <v>2063</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f>IF(D95="","-",+C152+1)</f>
        <v>2064</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f>IF(D95="","-",+C153+1)</f>
        <v>2065</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f>IF(D95="","-",+C154+1)</f>
        <v>2066</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f>IF(D95="","-",+C155+1)</f>
        <v>2067</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f>IF(D95="","-",+C156+1)</f>
        <v>2068</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f>IF(D95="","-",+C157+1)</f>
        <v>2069</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f>IF(D95="","-",+C158+1)</f>
        <v>2070</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f>IF(D95="","-",+C159+1)</f>
        <v>2071</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1:16">
      <c r="C161" s="737" t="s">
        <v>91</v>
      </c>
      <c r="D161" s="731"/>
      <c r="E161" s="731">
        <f>SUM(E101:E160)</f>
        <v>6636011</v>
      </c>
      <c r="F161" s="731"/>
      <c r="G161" s="731">
        <f>SUM(G101:G160)</f>
        <v>21423798.937803965</v>
      </c>
      <c r="H161" s="731">
        <f>SUM(H101:H160)</f>
        <v>21423798.937803965</v>
      </c>
      <c r="I161" s="731">
        <f>SUM(I101:I160)</f>
        <v>0</v>
      </c>
      <c r="J161" s="731"/>
      <c r="K161" s="731"/>
      <c r="L161" s="731"/>
      <c r="M161" s="731"/>
      <c r="N161" s="731"/>
      <c r="O161" s="314"/>
    </row>
    <row r="162" spans="1:16">
      <c r="D162" s="539"/>
      <c r="E162" s="314"/>
      <c r="F162" s="314"/>
      <c r="G162" s="314"/>
      <c r="H162" s="709"/>
      <c r="I162" s="709"/>
      <c r="J162" s="731"/>
      <c r="K162" s="709"/>
      <c r="L162" s="709"/>
      <c r="M162" s="709"/>
      <c r="N162" s="709"/>
      <c r="O162" s="314"/>
    </row>
    <row r="163" spans="1:16">
      <c r="C163" s="314" t="s">
        <v>13</v>
      </c>
      <c r="D163" s="539"/>
      <c r="E163" s="314"/>
      <c r="F163" s="314"/>
      <c r="G163" s="314"/>
      <c r="H163" s="709"/>
      <c r="I163" s="709"/>
      <c r="J163" s="731"/>
      <c r="K163" s="709"/>
      <c r="L163" s="709"/>
      <c r="M163" s="709"/>
      <c r="N163" s="709"/>
      <c r="O163" s="314"/>
    </row>
    <row r="164" spans="1:16">
      <c r="C164" s="314"/>
      <c r="D164" s="539"/>
      <c r="E164" s="314"/>
      <c r="F164" s="314"/>
      <c r="G164" s="314"/>
      <c r="H164" s="709"/>
      <c r="I164" s="709"/>
      <c r="J164" s="731"/>
      <c r="K164" s="709"/>
      <c r="L164" s="709"/>
      <c r="M164" s="709"/>
      <c r="N164" s="709"/>
      <c r="O164" s="314"/>
    </row>
    <row r="165" spans="1:16">
      <c r="C165" s="750" t="s">
        <v>14</v>
      </c>
      <c r="D165" s="737"/>
      <c r="E165" s="737"/>
      <c r="F165" s="737"/>
      <c r="G165" s="731"/>
      <c r="H165" s="731"/>
      <c r="I165" s="805"/>
      <c r="J165" s="805"/>
      <c r="K165" s="805"/>
      <c r="L165" s="805"/>
      <c r="M165" s="805"/>
      <c r="N165" s="805"/>
      <c r="O165" s="314"/>
    </row>
    <row r="166" spans="1:16">
      <c r="C166" s="736" t="s">
        <v>271</v>
      </c>
      <c r="D166" s="737"/>
      <c r="E166" s="737"/>
      <c r="F166" s="737"/>
      <c r="G166" s="731"/>
      <c r="H166" s="731"/>
      <c r="I166" s="805"/>
      <c r="J166" s="805"/>
      <c r="K166" s="805"/>
      <c r="L166" s="805"/>
      <c r="M166" s="805"/>
      <c r="N166" s="805"/>
      <c r="O166" s="314"/>
    </row>
    <row r="167" spans="1:16">
      <c r="C167" s="736" t="s">
        <v>92</v>
      </c>
      <c r="D167" s="737"/>
      <c r="E167" s="737"/>
      <c r="F167" s="737"/>
      <c r="G167" s="731"/>
      <c r="H167" s="731"/>
      <c r="I167" s="805"/>
      <c r="J167" s="805"/>
      <c r="K167" s="805"/>
      <c r="L167" s="805"/>
      <c r="M167" s="805"/>
      <c r="N167" s="805"/>
      <c r="O167" s="314"/>
    </row>
    <row r="168" spans="1:16">
      <c r="C168" s="736"/>
      <c r="D168" s="737"/>
      <c r="E168" s="737"/>
      <c r="F168" s="737"/>
      <c r="G168" s="731"/>
      <c r="H168" s="731"/>
      <c r="I168" s="805"/>
      <c r="J168" s="805"/>
      <c r="K168" s="805"/>
      <c r="L168" s="805"/>
      <c r="M168" s="805"/>
      <c r="N168" s="805"/>
      <c r="O168" s="314"/>
    </row>
    <row r="169" spans="1:16">
      <c r="C169" s="1491" t="s">
        <v>6</v>
      </c>
      <c r="D169" s="1491"/>
      <c r="E169" s="1491"/>
      <c r="F169" s="1491"/>
      <c r="G169" s="1491"/>
      <c r="H169" s="1491"/>
      <c r="I169" s="1491"/>
      <c r="J169" s="1491"/>
      <c r="K169" s="1491"/>
      <c r="L169" s="1491"/>
      <c r="M169" s="1491"/>
      <c r="N169" s="1491"/>
      <c r="O169" s="1491"/>
    </row>
    <row r="170" spans="1:16">
      <c r="C170" s="1491"/>
      <c r="D170" s="1491"/>
      <c r="E170" s="1491"/>
      <c r="F170" s="1491"/>
      <c r="G170" s="1491"/>
      <c r="H170" s="1491"/>
      <c r="I170" s="1491"/>
      <c r="J170" s="1491"/>
      <c r="K170" s="1491"/>
      <c r="L170" s="1491"/>
      <c r="M170" s="1491"/>
      <c r="N170" s="1491"/>
      <c r="O170" s="1491"/>
    </row>
    <row r="171" spans="1:16">
      <c r="C171" s="736"/>
      <c r="D171" s="737"/>
      <c r="E171" s="737"/>
      <c r="F171" s="737"/>
      <c r="G171" s="731"/>
      <c r="H171" s="731"/>
    </row>
    <row r="172" spans="1:16" ht="20.25">
      <c r="A172" s="738" t="str">
        <f>""&amp;A96&amp;" Worksheet J -  ATRR PROJECTED Calculation for PJM Projects Charged to Benefiting Zones"</f>
        <v xml:space="preserve"> Worksheet J -  ATRR PROJECTED Calculation for PJM Projects Charged to Benefiting Zones</v>
      </c>
      <c r="B172" s="348"/>
      <c r="C172" s="726"/>
      <c r="D172" s="539"/>
      <c r="E172" s="314"/>
      <c r="F172" s="708"/>
      <c r="G172" s="314"/>
      <c r="H172" s="709"/>
      <c r="K172" s="565"/>
      <c r="L172" s="565"/>
      <c r="M172" s="565"/>
      <c r="N172" s="654" t="str">
        <f>"Page "&amp;SUM(P$8:P172)&amp;" of "</f>
        <v xml:space="preserve">Page 3 of </v>
      </c>
      <c r="O172" s="655">
        <f>COUNT(P$8:P$56656)</f>
        <v>11</v>
      </c>
      <c r="P172" s="173">
        <v>1</v>
      </c>
    </row>
    <row r="173" spans="1:16">
      <c r="B173" s="348"/>
      <c r="C173" s="314"/>
      <c r="D173" s="539"/>
      <c r="E173" s="314"/>
      <c r="F173" s="314"/>
      <c r="G173" s="314"/>
      <c r="H173" s="709"/>
      <c r="I173" s="314"/>
      <c r="J173" s="426"/>
      <c r="K173" s="314"/>
      <c r="L173" s="314"/>
      <c r="M173" s="314"/>
      <c r="N173" s="314"/>
      <c r="O173" s="314"/>
    </row>
    <row r="174" spans="1:16" ht="18">
      <c r="B174" s="658" t="s">
        <v>474</v>
      </c>
      <c r="C174" s="740" t="s">
        <v>93</v>
      </c>
      <c r="D174" s="539"/>
      <c r="E174" s="314"/>
      <c r="F174" s="314"/>
      <c r="G174" s="314"/>
      <c r="H174" s="709"/>
      <c r="I174" s="709"/>
      <c r="J174" s="731"/>
      <c r="K174" s="709"/>
      <c r="L174" s="709"/>
      <c r="M174" s="709"/>
      <c r="N174" s="709"/>
      <c r="O174" s="314"/>
    </row>
    <row r="175" spans="1:16" ht="18.75">
      <c r="B175" s="658"/>
      <c r="C175" s="657"/>
      <c r="D175" s="539"/>
      <c r="E175" s="314"/>
      <c r="F175" s="314"/>
      <c r="G175" s="314"/>
      <c r="H175" s="709"/>
      <c r="I175" s="709"/>
      <c r="J175" s="731"/>
      <c r="K175" s="709"/>
      <c r="L175" s="709"/>
      <c r="M175" s="709"/>
      <c r="N175" s="709"/>
      <c r="O175" s="314"/>
    </row>
    <row r="176" spans="1:16" ht="18.75">
      <c r="B176" s="658"/>
      <c r="C176" s="657" t="s">
        <v>94</v>
      </c>
      <c r="D176" s="539"/>
      <c r="E176" s="314"/>
      <c r="F176" s="314"/>
      <c r="G176" s="314"/>
      <c r="H176" s="709"/>
      <c r="I176" s="709"/>
      <c r="J176" s="731"/>
      <c r="K176" s="709"/>
      <c r="L176" s="709"/>
      <c r="M176" s="709"/>
      <c r="N176" s="709"/>
      <c r="O176" s="314"/>
    </row>
    <row r="177" spans="2:15" ht="15.75" thickBot="1">
      <c r="C177" s="240"/>
      <c r="D177" s="539"/>
      <c r="E177" s="314"/>
      <c r="F177" s="314"/>
      <c r="G177" s="314"/>
      <c r="H177" s="709"/>
      <c r="I177" s="709"/>
      <c r="J177" s="731"/>
      <c r="K177" s="709"/>
      <c r="L177" s="709"/>
      <c r="M177" s="709"/>
      <c r="N177" s="709"/>
      <c r="O177" s="314"/>
    </row>
    <row r="178" spans="2:15" ht="15.75">
      <c r="C178" s="660" t="s">
        <v>95</v>
      </c>
      <c r="D178" s="539"/>
      <c r="E178" s="314"/>
      <c r="F178" s="314"/>
      <c r="G178" s="807"/>
      <c r="H178" s="314" t="s">
        <v>74</v>
      </c>
      <c r="I178" s="314"/>
      <c r="J178" s="426"/>
      <c r="K178" s="741" t="s">
        <v>99</v>
      </c>
      <c r="L178" s="742"/>
      <c r="M178" s="743"/>
      <c r="N178" s="744">
        <f>IF(I184=0,0,VLOOKUP(I184,C191:O250,5))</f>
        <v>1710359.8007120532</v>
      </c>
      <c r="O178" s="314"/>
    </row>
    <row r="179" spans="2:15" ht="15.75">
      <c r="C179" s="660"/>
      <c r="D179" s="539"/>
      <c r="E179" s="314"/>
      <c r="F179" s="314"/>
      <c r="G179" s="314"/>
      <c r="H179" s="745"/>
      <c r="I179" s="745"/>
      <c r="J179" s="746"/>
      <c r="K179" s="747" t="s">
        <v>100</v>
      </c>
      <c r="L179" s="748"/>
      <c r="M179" s="426"/>
      <c r="N179" s="749">
        <f>IF(I184=0,0,VLOOKUP(I184,C191:O250,6))</f>
        <v>1710359.8007120532</v>
      </c>
      <c r="O179" s="314"/>
    </row>
    <row r="180" spans="2:15" ht="13.5" thickBot="1">
      <c r="C180" s="750" t="s">
        <v>96</v>
      </c>
      <c r="D180" s="1489" t="s">
        <v>821</v>
      </c>
      <c r="E180" s="1489"/>
      <c r="F180" s="1489"/>
      <c r="G180" s="1489"/>
      <c r="H180" s="1489"/>
      <c r="I180" s="1489"/>
      <c r="J180" s="731"/>
      <c r="K180" s="751" t="s">
        <v>238</v>
      </c>
      <c r="L180" s="752"/>
      <c r="M180" s="752"/>
      <c r="N180" s="753">
        <f>+N179-N178</f>
        <v>0</v>
      </c>
      <c r="O180" s="314"/>
    </row>
    <row r="181" spans="2:15">
      <c r="C181" s="754"/>
      <c r="D181" s="1489"/>
      <c r="E181" s="1489"/>
      <c r="F181" s="1489"/>
      <c r="G181" s="1489"/>
      <c r="H181" s="1489"/>
      <c r="I181" s="1489"/>
      <c r="J181" s="731"/>
      <c r="K181" s="709"/>
      <c r="L181" s="709"/>
      <c r="M181" s="709"/>
      <c r="N181" s="709"/>
      <c r="O181" s="314"/>
    </row>
    <row r="182" spans="2:15" ht="13.5" thickBot="1">
      <c r="C182" s="757"/>
      <c r="D182" s="758"/>
      <c r="E182" s="756"/>
      <c r="F182" s="756"/>
      <c r="G182" s="756"/>
      <c r="H182" s="756"/>
      <c r="I182" s="756"/>
      <c r="J182" s="759"/>
      <c r="K182" s="756"/>
      <c r="L182" s="756"/>
      <c r="M182" s="756"/>
      <c r="N182" s="756"/>
      <c r="O182" s="348"/>
    </row>
    <row r="183" spans="2:15" ht="13.5" thickBot="1">
      <c r="C183" s="760" t="s">
        <v>97</v>
      </c>
      <c r="D183" s="761"/>
      <c r="E183" s="761"/>
      <c r="F183" s="761"/>
      <c r="G183" s="761"/>
      <c r="H183" s="761"/>
      <c r="I183" s="762"/>
      <c r="J183" s="763"/>
      <c r="K183" s="314"/>
      <c r="L183" s="314"/>
      <c r="M183" s="314"/>
      <c r="N183" s="314"/>
      <c r="O183" s="764"/>
    </row>
    <row r="184" spans="2:15" ht="15">
      <c r="C184" s="765" t="s">
        <v>75</v>
      </c>
      <c r="D184" s="809">
        <v>15264784</v>
      </c>
      <c r="E184" s="726" t="s">
        <v>76</v>
      </c>
      <c r="G184" s="766"/>
      <c r="H184" s="766"/>
      <c r="I184" s="767">
        <f>$L$26</f>
        <v>2021</v>
      </c>
      <c r="J184" s="555"/>
      <c r="K184" s="1490" t="s">
        <v>247</v>
      </c>
      <c r="L184" s="1490"/>
      <c r="M184" s="1490"/>
      <c r="N184" s="1490"/>
      <c r="O184" s="1490"/>
    </row>
    <row r="185" spans="2:15">
      <c r="C185" s="765" t="s">
        <v>78</v>
      </c>
      <c r="D185" s="810">
        <v>2013</v>
      </c>
      <c r="E185" s="765" t="s">
        <v>79</v>
      </c>
      <c r="F185" s="766"/>
      <c r="H185" s="173"/>
      <c r="I185" s="811">
        <f>IF(G178="",0,$F$17)</f>
        <v>0</v>
      </c>
      <c r="J185" s="768"/>
      <c r="K185" s="731" t="s">
        <v>247</v>
      </c>
    </row>
    <row r="186" spans="2:15">
      <c r="C186" s="765" t="s">
        <v>80</v>
      </c>
      <c r="D186" s="809">
        <v>6</v>
      </c>
      <c r="E186" s="765" t="s">
        <v>81</v>
      </c>
      <c r="F186" s="766"/>
      <c r="H186" s="173"/>
      <c r="I186" s="769">
        <f>$G$70</f>
        <v>0.10870318164951323</v>
      </c>
      <c r="J186" s="770"/>
      <c r="K186" s="173" t="str">
        <f>"          INPUT PROJECTED ARR (WITH &amp; WITHOUT INCENTIVES) FROM EACH PRIOR YEAR"</f>
        <v xml:space="preserve">          INPUT PROJECTED ARR (WITH &amp; WITHOUT INCENTIVES) FROM EACH PRIOR YEAR</v>
      </c>
    </row>
    <row r="187" spans="2:15">
      <c r="C187" s="765" t="s">
        <v>82</v>
      </c>
      <c r="D187" s="771">
        <f>$G$79</f>
        <v>39</v>
      </c>
      <c r="E187" s="765" t="s">
        <v>83</v>
      </c>
      <c r="F187" s="766"/>
      <c r="H187" s="173"/>
      <c r="I187" s="769">
        <f>IF(G178="",I186,$G$69)</f>
        <v>0.10870318164951323</v>
      </c>
      <c r="J187" s="772"/>
      <c r="K187" s="173" t="s">
        <v>160</v>
      </c>
    </row>
    <row r="188" spans="2:15" ht="13.5" thickBot="1">
      <c r="C188" s="765" t="s">
        <v>84</v>
      </c>
      <c r="D188" s="808" t="s">
        <v>819</v>
      </c>
      <c r="E188" s="773" t="s">
        <v>85</v>
      </c>
      <c r="F188" s="774"/>
      <c r="G188" s="775"/>
      <c r="H188" s="775"/>
      <c r="I188" s="753">
        <f>IF(D184=0,0,D184/D187)</f>
        <v>391404.71794871794</v>
      </c>
      <c r="J188" s="731"/>
      <c r="K188" s="731" t="s">
        <v>166</v>
      </c>
      <c r="L188" s="731"/>
      <c r="M188" s="731"/>
      <c r="N188" s="731"/>
      <c r="O188" s="426"/>
    </row>
    <row r="189" spans="2:15" ht="51">
      <c r="B189" s="846"/>
      <c r="C189" s="776" t="s">
        <v>75</v>
      </c>
      <c r="D189" s="777" t="s">
        <v>86</v>
      </c>
      <c r="E189" s="778" t="s">
        <v>87</v>
      </c>
      <c r="F189" s="777" t="s">
        <v>88</v>
      </c>
      <c r="G189" s="778" t="s">
        <v>159</v>
      </c>
      <c r="H189" s="779" t="s">
        <v>159</v>
      </c>
      <c r="I189" s="776" t="s">
        <v>98</v>
      </c>
      <c r="J189" s="780"/>
      <c r="K189" s="778" t="s">
        <v>168</v>
      </c>
      <c r="L189" s="781"/>
      <c r="M189" s="778" t="s">
        <v>168</v>
      </c>
      <c r="N189" s="781"/>
      <c r="O189" s="781"/>
    </row>
    <row r="190" spans="2:15" ht="13.5" thickBot="1">
      <c r="C190" s="782" t="s">
        <v>477</v>
      </c>
      <c r="D190" s="783" t="s">
        <v>478</v>
      </c>
      <c r="E190" s="782" t="s">
        <v>371</v>
      </c>
      <c r="F190" s="783" t="s">
        <v>478</v>
      </c>
      <c r="G190" s="784" t="s">
        <v>101</v>
      </c>
      <c r="H190" s="785" t="s">
        <v>103</v>
      </c>
      <c r="I190" s="786" t="s">
        <v>15</v>
      </c>
      <c r="J190" s="787"/>
      <c r="K190" s="784" t="s">
        <v>90</v>
      </c>
      <c r="L190" s="788"/>
      <c r="M190" s="784" t="s">
        <v>103</v>
      </c>
      <c r="N190" s="788"/>
      <c r="O190" s="788"/>
    </row>
    <row r="191" spans="2:15">
      <c r="C191" s="789">
        <f>IF(D185= "","-",D185)</f>
        <v>2013</v>
      </c>
      <c r="D191" s="737">
        <f>+D184</f>
        <v>15264784</v>
      </c>
      <c r="E191" s="790">
        <f>+I188/12*(12-D186)</f>
        <v>195702.35897435897</v>
      </c>
      <c r="F191" s="737">
        <f>+D191-E191</f>
        <v>15069081.641025642</v>
      </c>
      <c r="G191" s="999">
        <f>+$I$96*((D191+F191)/2)+E191</f>
        <v>1844396.2124285281</v>
      </c>
      <c r="H191" s="1000">
        <f>$I$97*((D191+F191)/2)+E191</f>
        <v>1844396.2124285281</v>
      </c>
      <c r="I191" s="793">
        <f>+H191-G191</f>
        <v>0</v>
      </c>
      <c r="J191" s="793"/>
      <c r="K191" s="812">
        <v>1578782</v>
      </c>
      <c r="L191" s="794"/>
      <c r="M191" s="812">
        <v>1578782</v>
      </c>
      <c r="N191" s="794"/>
      <c r="O191" s="794"/>
    </row>
    <row r="192" spans="2:15">
      <c r="C192" s="789">
        <f>IF(D185="","-",+C191+1)</f>
        <v>2014</v>
      </c>
      <c r="D192" s="737">
        <f t="shared" ref="D192:D250" si="6">F191</f>
        <v>15069081.641025642</v>
      </c>
      <c r="E192" s="790">
        <f>IF(D192&gt;$I$188,$I$188,D192)</f>
        <v>391404.71794871794</v>
      </c>
      <c r="F192" s="737">
        <f t="shared" ref="F192:F250" si="7">+D192-E192</f>
        <v>14677676.923076924</v>
      </c>
      <c r="G192" s="795">
        <f t="shared" ref="G192:G250" si="8">+$I$96*((D192+F192)/2)+E192</f>
        <v>2008188.3677876454</v>
      </c>
      <c r="H192" s="796">
        <f t="shared" ref="H192:H250" si="9">$I$97*((D192+F192)/2)+E192</f>
        <v>2008188.3677876454</v>
      </c>
      <c r="I192" s="793">
        <f t="shared" ref="I192:I250" si="10">+H192-G192</f>
        <v>0</v>
      </c>
      <c r="J192" s="793"/>
      <c r="K192" s="813">
        <v>1735811</v>
      </c>
      <c r="L192" s="797"/>
      <c r="M192" s="813">
        <v>1735811</v>
      </c>
      <c r="N192" s="797"/>
      <c r="O192" s="797"/>
    </row>
    <row r="193" spans="3:15">
      <c r="C193" s="789">
        <f>IF(D185="","-",+C192+1)</f>
        <v>2015</v>
      </c>
      <c r="D193" s="737">
        <f t="shared" si="6"/>
        <v>14677676.923076924</v>
      </c>
      <c r="E193" s="790">
        <f t="shared" ref="E193:E250" si="11">IF(D193&gt;$I$188,$I$188,D193)</f>
        <v>391404.71794871794</v>
      </c>
      <c r="F193" s="737">
        <f t="shared" si="7"/>
        <v>14286272.205128206</v>
      </c>
      <c r="G193" s="795">
        <f t="shared" si="8"/>
        <v>1965641.4296339892</v>
      </c>
      <c r="H193" s="796">
        <f t="shared" si="9"/>
        <v>1965641.4296339892</v>
      </c>
      <c r="I193" s="793">
        <f t="shared" si="10"/>
        <v>0</v>
      </c>
      <c r="J193" s="793"/>
      <c r="K193" s="813">
        <v>1857418</v>
      </c>
      <c r="L193" s="797"/>
      <c r="M193" s="813">
        <v>1857418</v>
      </c>
      <c r="N193" s="797"/>
      <c r="O193" s="797"/>
    </row>
    <row r="194" spans="3:15">
      <c r="C194" s="789">
        <f>IF(D185="","-",+C193+1)</f>
        <v>2016</v>
      </c>
      <c r="D194" s="737">
        <f t="shared" si="6"/>
        <v>14286272.205128206</v>
      </c>
      <c r="E194" s="790">
        <f t="shared" si="11"/>
        <v>391404.71794871794</v>
      </c>
      <c r="F194" s="737">
        <f t="shared" si="7"/>
        <v>13894867.487179488</v>
      </c>
      <c r="G194" s="795">
        <f t="shared" si="8"/>
        <v>1923094.4914803335</v>
      </c>
      <c r="H194" s="796">
        <f t="shared" si="9"/>
        <v>1923094.4914803335</v>
      </c>
      <c r="I194" s="793">
        <f t="shared" si="10"/>
        <v>0</v>
      </c>
      <c r="J194" s="793"/>
      <c r="K194" s="813">
        <v>1808629</v>
      </c>
      <c r="L194" s="797"/>
      <c r="M194" s="813">
        <v>1808629</v>
      </c>
      <c r="N194" s="797"/>
      <c r="O194" s="797"/>
    </row>
    <row r="195" spans="3:15">
      <c r="C195" s="789">
        <f>IF(D185="","-",+C194+1)</f>
        <v>2017</v>
      </c>
      <c r="D195" s="737">
        <f t="shared" si="6"/>
        <v>13894867.487179488</v>
      </c>
      <c r="E195" s="790">
        <f t="shared" si="11"/>
        <v>391404.71794871794</v>
      </c>
      <c r="F195" s="737">
        <f t="shared" si="7"/>
        <v>13503462.76923077</v>
      </c>
      <c r="G195" s="795">
        <f t="shared" si="8"/>
        <v>1880547.5533266773</v>
      </c>
      <c r="H195" s="796">
        <f t="shared" si="9"/>
        <v>1880547.5533266773</v>
      </c>
      <c r="I195" s="793">
        <f t="shared" si="10"/>
        <v>0</v>
      </c>
      <c r="J195" s="793"/>
      <c r="K195" s="813">
        <v>1924179</v>
      </c>
      <c r="L195" s="797"/>
      <c r="M195" s="813">
        <v>1924179</v>
      </c>
      <c r="N195" s="797"/>
      <c r="O195" s="797"/>
    </row>
    <row r="196" spans="3:15">
      <c r="C196" s="1338">
        <f>IF(D185="","-",+C195+1)</f>
        <v>2018</v>
      </c>
      <c r="D196" s="737">
        <f t="shared" si="6"/>
        <v>13503462.76923077</v>
      </c>
      <c r="E196" s="790">
        <f t="shared" si="11"/>
        <v>391404.71794871794</v>
      </c>
      <c r="F196" s="737">
        <f t="shared" si="7"/>
        <v>13112058.051282052</v>
      </c>
      <c r="G196" s="795">
        <f t="shared" si="8"/>
        <v>1838000.6151730216</v>
      </c>
      <c r="H196" s="796">
        <f t="shared" si="9"/>
        <v>1838000.6151730216</v>
      </c>
      <c r="I196" s="793">
        <f t="shared" si="10"/>
        <v>0</v>
      </c>
      <c r="J196" s="793"/>
      <c r="K196" s="813">
        <v>1648242</v>
      </c>
      <c r="L196" s="797"/>
      <c r="M196" s="813">
        <v>1648242</v>
      </c>
      <c r="N196" s="797"/>
      <c r="O196" s="797"/>
    </row>
    <row r="197" spans="3:15">
      <c r="C197" s="1316">
        <f>IF(D184="","-",+C196+1)</f>
        <v>2019</v>
      </c>
      <c r="D197" s="737">
        <f t="shared" si="6"/>
        <v>13112058.051282052</v>
      </c>
      <c r="E197" s="790">
        <f t="shared" si="11"/>
        <v>391404.71794871794</v>
      </c>
      <c r="F197" s="737">
        <f t="shared" si="7"/>
        <v>12720653.333333334</v>
      </c>
      <c r="G197" s="795">
        <f t="shared" si="8"/>
        <v>1795453.6770193654</v>
      </c>
      <c r="H197" s="796">
        <f t="shared" si="9"/>
        <v>1795453.6770193654</v>
      </c>
      <c r="I197" s="793">
        <f t="shared" si="10"/>
        <v>0</v>
      </c>
      <c r="J197" s="793"/>
      <c r="K197" s="813">
        <v>1728140.7933855411</v>
      </c>
      <c r="L197" s="797"/>
      <c r="M197" s="813">
        <v>1728140.7933855411</v>
      </c>
      <c r="N197" s="797"/>
      <c r="O197" s="797"/>
    </row>
    <row r="198" spans="3:15">
      <c r="C198" s="1316">
        <f>IF(D184="","-",+C197+1)</f>
        <v>2020</v>
      </c>
      <c r="D198" s="737">
        <f t="shared" si="6"/>
        <v>12720653.333333334</v>
      </c>
      <c r="E198" s="790">
        <f t="shared" si="11"/>
        <v>391404.71794871794</v>
      </c>
      <c r="F198" s="737">
        <f t="shared" si="7"/>
        <v>12329248.615384616</v>
      </c>
      <c r="G198" s="795">
        <f t="shared" si="8"/>
        <v>1752906.7388657094</v>
      </c>
      <c r="H198" s="796">
        <f t="shared" si="9"/>
        <v>1752906.7388657094</v>
      </c>
      <c r="I198" s="793">
        <f t="shared" si="10"/>
        <v>0</v>
      </c>
      <c r="J198" s="793"/>
      <c r="K198" s="813">
        <v>1748229.4747008712</v>
      </c>
      <c r="L198" s="797"/>
      <c r="M198" s="813">
        <v>1748229.4747008712</v>
      </c>
      <c r="N198" s="797"/>
      <c r="O198" s="797"/>
    </row>
    <row r="199" spans="3:15">
      <c r="C199" s="1315">
        <f>IF(D185="","-",+C198+1)</f>
        <v>2021</v>
      </c>
      <c r="D199" s="737">
        <f t="shared" si="6"/>
        <v>12329248.615384616</v>
      </c>
      <c r="E199" s="790">
        <f t="shared" si="11"/>
        <v>391404.71794871794</v>
      </c>
      <c r="F199" s="737">
        <f t="shared" si="7"/>
        <v>11937843.897435898</v>
      </c>
      <c r="G199" s="795">
        <f t="shared" si="8"/>
        <v>1710359.8007120532</v>
      </c>
      <c r="H199" s="796">
        <f t="shared" si="9"/>
        <v>1710359.8007120532</v>
      </c>
      <c r="I199" s="793">
        <f t="shared" si="10"/>
        <v>0</v>
      </c>
      <c r="J199" s="793"/>
      <c r="K199" s="813"/>
      <c r="L199" s="797"/>
      <c r="M199" s="813"/>
      <c r="N199" s="797"/>
      <c r="O199" s="797"/>
    </row>
    <row r="200" spans="3:15">
      <c r="C200" s="789">
        <f>IF(D185="","-",+C199+1)</f>
        <v>2022</v>
      </c>
      <c r="D200" s="737">
        <f t="shared" si="6"/>
        <v>11937843.897435898</v>
      </c>
      <c r="E200" s="790">
        <f t="shared" si="11"/>
        <v>391404.71794871794</v>
      </c>
      <c r="F200" s="737">
        <f t="shared" si="7"/>
        <v>11546439.17948718</v>
      </c>
      <c r="G200" s="795">
        <f t="shared" si="8"/>
        <v>1667812.8625583975</v>
      </c>
      <c r="H200" s="796">
        <f t="shared" si="9"/>
        <v>1667812.8625583975</v>
      </c>
      <c r="I200" s="793">
        <f t="shared" si="10"/>
        <v>0</v>
      </c>
      <c r="J200" s="793"/>
      <c r="K200" s="813"/>
      <c r="L200" s="797"/>
      <c r="M200" s="813"/>
      <c r="N200" s="797"/>
      <c r="O200" s="797"/>
    </row>
    <row r="201" spans="3:15">
      <c r="C201" s="789">
        <f>IF(D185="","-",+C200+1)</f>
        <v>2023</v>
      </c>
      <c r="D201" s="737">
        <f t="shared" si="6"/>
        <v>11546439.17948718</v>
      </c>
      <c r="E201" s="790">
        <f t="shared" si="11"/>
        <v>391404.71794871794</v>
      </c>
      <c r="F201" s="737">
        <f t="shared" si="7"/>
        <v>11155034.461538462</v>
      </c>
      <c r="G201" s="795">
        <f t="shared" si="8"/>
        <v>1625265.9244047413</v>
      </c>
      <c r="H201" s="796">
        <f t="shared" si="9"/>
        <v>1625265.9244047413</v>
      </c>
      <c r="I201" s="793">
        <f t="shared" si="10"/>
        <v>0</v>
      </c>
      <c r="J201" s="793"/>
      <c r="K201" s="813"/>
      <c r="L201" s="797"/>
      <c r="M201" s="813"/>
      <c r="N201" s="797"/>
      <c r="O201" s="797"/>
    </row>
    <row r="202" spans="3:15">
      <c r="C202" s="789">
        <f>IF(D185="","-",+C201+1)</f>
        <v>2024</v>
      </c>
      <c r="D202" s="737">
        <f t="shared" si="6"/>
        <v>11155034.461538462</v>
      </c>
      <c r="E202" s="790">
        <f t="shared" si="11"/>
        <v>391404.71794871794</v>
      </c>
      <c r="F202" s="737">
        <f t="shared" si="7"/>
        <v>10763629.743589744</v>
      </c>
      <c r="G202" s="795">
        <f t="shared" si="8"/>
        <v>1582718.9862510855</v>
      </c>
      <c r="H202" s="796">
        <f t="shared" si="9"/>
        <v>1582718.9862510855</v>
      </c>
      <c r="I202" s="793">
        <f t="shared" si="10"/>
        <v>0</v>
      </c>
      <c r="J202" s="793"/>
      <c r="K202" s="813"/>
      <c r="L202" s="797"/>
      <c r="M202" s="813"/>
      <c r="N202" s="797"/>
      <c r="O202" s="797"/>
    </row>
    <row r="203" spans="3:15">
      <c r="C203" s="789">
        <f>IF(D185="","-",+C202+1)</f>
        <v>2025</v>
      </c>
      <c r="D203" s="737">
        <f t="shared" si="6"/>
        <v>10763629.743589744</v>
      </c>
      <c r="E203" s="790">
        <f t="shared" si="11"/>
        <v>391404.71794871794</v>
      </c>
      <c r="F203" s="737">
        <f t="shared" si="7"/>
        <v>10372225.025641026</v>
      </c>
      <c r="G203" s="795">
        <f t="shared" si="8"/>
        <v>1540172.0480974293</v>
      </c>
      <c r="H203" s="796">
        <f t="shared" si="9"/>
        <v>1540172.0480974293</v>
      </c>
      <c r="I203" s="793">
        <f t="shared" si="10"/>
        <v>0</v>
      </c>
      <c r="J203" s="793"/>
      <c r="K203" s="813"/>
      <c r="L203" s="797"/>
      <c r="M203" s="813"/>
      <c r="N203" s="798"/>
      <c r="O203" s="797"/>
    </row>
    <row r="204" spans="3:15">
      <c r="C204" s="789">
        <f>IF(D185="","-",+C203+1)</f>
        <v>2026</v>
      </c>
      <c r="D204" s="737">
        <f t="shared" si="6"/>
        <v>10372225.025641026</v>
      </c>
      <c r="E204" s="790">
        <f t="shared" si="11"/>
        <v>391404.71794871794</v>
      </c>
      <c r="F204" s="737">
        <f t="shared" si="7"/>
        <v>9980820.307692308</v>
      </c>
      <c r="G204" s="795">
        <f t="shared" si="8"/>
        <v>1497625.1099437736</v>
      </c>
      <c r="H204" s="796">
        <f t="shared" si="9"/>
        <v>1497625.1099437736</v>
      </c>
      <c r="I204" s="793">
        <f t="shared" si="10"/>
        <v>0</v>
      </c>
      <c r="J204" s="793"/>
      <c r="K204" s="813"/>
      <c r="L204" s="797"/>
      <c r="M204" s="813"/>
      <c r="N204" s="797"/>
      <c r="O204" s="797"/>
    </row>
    <row r="205" spans="3:15">
      <c r="C205" s="789">
        <f>IF(D185="","-",+C204+1)</f>
        <v>2027</v>
      </c>
      <c r="D205" s="737">
        <f t="shared" si="6"/>
        <v>9980820.307692308</v>
      </c>
      <c r="E205" s="790">
        <f t="shared" si="11"/>
        <v>391404.71794871794</v>
      </c>
      <c r="F205" s="737">
        <f t="shared" si="7"/>
        <v>9589415.58974359</v>
      </c>
      <c r="G205" s="795">
        <f t="shared" si="8"/>
        <v>1455078.1717901174</v>
      </c>
      <c r="H205" s="796">
        <f t="shared" si="9"/>
        <v>1455078.1717901174</v>
      </c>
      <c r="I205" s="793">
        <f t="shared" si="10"/>
        <v>0</v>
      </c>
      <c r="J205" s="793"/>
      <c r="K205" s="813"/>
      <c r="L205" s="797"/>
      <c r="M205" s="813"/>
      <c r="N205" s="797"/>
      <c r="O205" s="797"/>
    </row>
    <row r="206" spans="3:15">
      <c r="C206" s="789">
        <f>IF(D185="","-",+C205+1)</f>
        <v>2028</v>
      </c>
      <c r="D206" s="737">
        <f t="shared" si="6"/>
        <v>9589415.58974359</v>
      </c>
      <c r="E206" s="790">
        <f t="shared" si="11"/>
        <v>391404.71794871794</v>
      </c>
      <c r="F206" s="737">
        <f t="shared" si="7"/>
        <v>9198010.871794872</v>
      </c>
      <c r="G206" s="795">
        <f t="shared" si="8"/>
        <v>1412531.2336364617</v>
      </c>
      <c r="H206" s="796">
        <f t="shared" si="9"/>
        <v>1412531.2336364617</v>
      </c>
      <c r="I206" s="793">
        <f t="shared" si="10"/>
        <v>0</v>
      </c>
      <c r="J206" s="793"/>
      <c r="K206" s="813"/>
      <c r="L206" s="797"/>
      <c r="M206" s="813"/>
      <c r="N206" s="797"/>
      <c r="O206" s="797"/>
    </row>
    <row r="207" spans="3:15">
      <c r="C207" s="789">
        <f>IF(D185="","-",+C206+1)</f>
        <v>2029</v>
      </c>
      <c r="D207" s="737">
        <f t="shared" si="6"/>
        <v>9198010.871794872</v>
      </c>
      <c r="E207" s="790">
        <f t="shared" si="11"/>
        <v>391404.71794871794</v>
      </c>
      <c r="F207" s="737">
        <f t="shared" si="7"/>
        <v>8806606.153846154</v>
      </c>
      <c r="G207" s="795">
        <f t="shared" si="8"/>
        <v>1369984.2954828055</v>
      </c>
      <c r="H207" s="796">
        <f t="shared" si="9"/>
        <v>1369984.2954828055</v>
      </c>
      <c r="I207" s="793">
        <f t="shared" si="10"/>
        <v>0</v>
      </c>
      <c r="J207" s="793"/>
      <c r="K207" s="813"/>
      <c r="L207" s="797"/>
      <c r="M207" s="813"/>
      <c r="N207" s="797"/>
      <c r="O207" s="797"/>
    </row>
    <row r="208" spans="3:15">
      <c r="C208" s="789">
        <f>IF(D185="","-",+C207+1)</f>
        <v>2030</v>
      </c>
      <c r="D208" s="737">
        <f t="shared" si="6"/>
        <v>8806606.153846154</v>
      </c>
      <c r="E208" s="790">
        <f t="shared" si="11"/>
        <v>391404.71794871794</v>
      </c>
      <c r="F208" s="737">
        <f t="shared" si="7"/>
        <v>8415201.435897436</v>
      </c>
      <c r="G208" s="795">
        <f t="shared" si="8"/>
        <v>1327437.3573291495</v>
      </c>
      <c r="H208" s="796">
        <f t="shared" si="9"/>
        <v>1327437.3573291495</v>
      </c>
      <c r="I208" s="793">
        <f t="shared" si="10"/>
        <v>0</v>
      </c>
      <c r="J208" s="793"/>
      <c r="K208" s="813"/>
      <c r="L208" s="797"/>
      <c r="M208" s="813"/>
      <c r="N208" s="797"/>
      <c r="O208" s="797"/>
    </row>
    <row r="209" spans="3:15">
      <c r="C209" s="789">
        <f>IF(D185="","-",+C208+1)</f>
        <v>2031</v>
      </c>
      <c r="D209" s="737">
        <f t="shared" si="6"/>
        <v>8415201.435897436</v>
      </c>
      <c r="E209" s="790">
        <f t="shared" si="11"/>
        <v>391404.71794871794</v>
      </c>
      <c r="F209" s="737">
        <f t="shared" si="7"/>
        <v>8023796.717948718</v>
      </c>
      <c r="G209" s="795">
        <f t="shared" si="8"/>
        <v>1284890.4191754935</v>
      </c>
      <c r="H209" s="796">
        <f t="shared" si="9"/>
        <v>1284890.4191754935</v>
      </c>
      <c r="I209" s="793">
        <f t="shared" si="10"/>
        <v>0</v>
      </c>
      <c r="J209" s="793"/>
      <c r="K209" s="813"/>
      <c r="L209" s="797"/>
      <c r="M209" s="813"/>
      <c r="N209" s="797"/>
      <c r="O209" s="797"/>
    </row>
    <row r="210" spans="3:15">
      <c r="C210" s="789">
        <f>IF(D185="","-",+C209+1)</f>
        <v>2032</v>
      </c>
      <c r="D210" s="737">
        <f t="shared" si="6"/>
        <v>8023796.717948718</v>
      </c>
      <c r="E210" s="790">
        <f t="shared" si="11"/>
        <v>391404.71794871794</v>
      </c>
      <c r="F210" s="737">
        <f t="shared" si="7"/>
        <v>7632392</v>
      </c>
      <c r="G210" s="795">
        <f t="shared" si="8"/>
        <v>1242343.4810218376</v>
      </c>
      <c r="H210" s="796">
        <f t="shared" si="9"/>
        <v>1242343.4810218376</v>
      </c>
      <c r="I210" s="793">
        <f t="shared" si="10"/>
        <v>0</v>
      </c>
      <c r="J210" s="793"/>
      <c r="K210" s="813"/>
      <c r="L210" s="797"/>
      <c r="M210" s="813"/>
      <c r="N210" s="797"/>
      <c r="O210" s="797"/>
    </row>
    <row r="211" spans="3:15">
      <c r="C211" s="789">
        <f>IF(D185="","-",+C210+1)</f>
        <v>2033</v>
      </c>
      <c r="D211" s="737">
        <f t="shared" si="6"/>
        <v>7632392</v>
      </c>
      <c r="E211" s="790">
        <f t="shared" si="11"/>
        <v>391404.71794871794</v>
      </c>
      <c r="F211" s="737">
        <f t="shared" si="7"/>
        <v>7240987.282051282</v>
      </c>
      <c r="G211" s="795">
        <f t="shared" si="8"/>
        <v>1199796.5428681816</v>
      </c>
      <c r="H211" s="796">
        <f t="shared" si="9"/>
        <v>1199796.5428681816</v>
      </c>
      <c r="I211" s="793">
        <f t="shared" si="10"/>
        <v>0</v>
      </c>
      <c r="J211" s="793"/>
      <c r="K211" s="813"/>
      <c r="L211" s="797"/>
      <c r="M211" s="813"/>
      <c r="N211" s="797"/>
      <c r="O211" s="797"/>
    </row>
    <row r="212" spans="3:15">
      <c r="C212" s="789">
        <f>IF(D185="","-",+C211+1)</f>
        <v>2034</v>
      </c>
      <c r="D212" s="737">
        <f t="shared" si="6"/>
        <v>7240987.282051282</v>
      </c>
      <c r="E212" s="790">
        <f t="shared" si="11"/>
        <v>391404.71794871794</v>
      </c>
      <c r="F212" s="737">
        <f t="shared" si="7"/>
        <v>6849582.564102564</v>
      </c>
      <c r="G212" s="795">
        <f t="shared" si="8"/>
        <v>1157249.6047145256</v>
      </c>
      <c r="H212" s="796">
        <f t="shared" si="9"/>
        <v>1157249.6047145256</v>
      </c>
      <c r="I212" s="793">
        <f t="shared" si="10"/>
        <v>0</v>
      </c>
      <c r="J212" s="793"/>
      <c r="K212" s="813"/>
      <c r="L212" s="797"/>
      <c r="M212" s="813"/>
      <c r="N212" s="797"/>
      <c r="O212" s="797"/>
    </row>
    <row r="213" spans="3:15">
      <c r="C213" s="789">
        <f>IF(D185="","-",+C212+1)</f>
        <v>2035</v>
      </c>
      <c r="D213" s="737">
        <f t="shared" si="6"/>
        <v>6849582.564102564</v>
      </c>
      <c r="E213" s="790">
        <f t="shared" si="11"/>
        <v>391404.71794871794</v>
      </c>
      <c r="F213" s="737">
        <f t="shared" si="7"/>
        <v>6458177.846153846</v>
      </c>
      <c r="G213" s="795">
        <f t="shared" si="8"/>
        <v>1114702.6665608697</v>
      </c>
      <c r="H213" s="796">
        <f t="shared" si="9"/>
        <v>1114702.6665608697</v>
      </c>
      <c r="I213" s="793">
        <f t="shared" si="10"/>
        <v>0</v>
      </c>
      <c r="J213" s="793"/>
      <c r="K213" s="813"/>
      <c r="L213" s="797"/>
      <c r="M213" s="813"/>
      <c r="N213" s="797"/>
      <c r="O213" s="797"/>
    </row>
    <row r="214" spans="3:15">
      <c r="C214" s="789">
        <f>IF(D185="","-",+C213+1)</f>
        <v>2036</v>
      </c>
      <c r="D214" s="737">
        <f t="shared" si="6"/>
        <v>6458177.846153846</v>
      </c>
      <c r="E214" s="790">
        <f t="shared" si="11"/>
        <v>391404.71794871794</v>
      </c>
      <c r="F214" s="737">
        <f t="shared" si="7"/>
        <v>6066773.128205128</v>
      </c>
      <c r="G214" s="795">
        <f t="shared" si="8"/>
        <v>1072155.7284072137</v>
      </c>
      <c r="H214" s="796">
        <f t="shared" si="9"/>
        <v>1072155.7284072137</v>
      </c>
      <c r="I214" s="793">
        <f t="shared" si="10"/>
        <v>0</v>
      </c>
      <c r="J214" s="793"/>
      <c r="K214" s="813"/>
      <c r="L214" s="797"/>
      <c r="M214" s="813"/>
      <c r="N214" s="797"/>
      <c r="O214" s="797"/>
    </row>
    <row r="215" spans="3:15">
      <c r="C215" s="789">
        <f>IF(D185="","-",+C214+1)</f>
        <v>2037</v>
      </c>
      <c r="D215" s="737">
        <f t="shared" si="6"/>
        <v>6066773.128205128</v>
      </c>
      <c r="E215" s="790">
        <f t="shared" si="11"/>
        <v>391404.71794871794</v>
      </c>
      <c r="F215" s="737">
        <f t="shared" si="7"/>
        <v>5675368.41025641</v>
      </c>
      <c r="G215" s="795">
        <f t="shared" si="8"/>
        <v>1029608.7902535575</v>
      </c>
      <c r="H215" s="796">
        <f t="shared" si="9"/>
        <v>1029608.7902535575</v>
      </c>
      <c r="I215" s="793">
        <f t="shared" si="10"/>
        <v>0</v>
      </c>
      <c r="J215" s="793"/>
      <c r="K215" s="813"/>
      <c r="L215" s="797"/>
      <c r="M215" s="813"/>
      <c r="N215" s="797"/>
      <c r="O215" s="797"/>
    </row>
    <row r="216" spans="3:15">
      <c r="C216" s="789">
        <f>IF(D185="","-",+C215+1)</f>
        <v>2038</v>
      </c>
      <c r="D216" s="737">
        <f t="shared" si="6"/>
        <v>5675368.41025641</v>
      </c>
      <c r="E216" s="790">
        <f t="shared" si="11"/>
        <v>391404.71794871794</v>
      </c>
      <c r="F216" s="737">
        <f t="shared" si="7"/>
        <v>5283963.692307692</v>
      </c>
      <c r="G216" s="795">
        <f t="shared" si="8"/>
        <v>987061.85209990153</v>
      </c>
      <c r="H216" s="796">
        <f t="shared" si="9"/>
        <v>987061.85209990153</v>
      </c>
      <c r="I216" s="793">
        <f t="shared" si="10"/>
        <v>0</v>
      </c>
      <c r="J216" s="793"/>
      <c r="K216" s="813"/>
      <c r="L216" s="797"/>
      <c r="M216" s="813"/>
      <c r="N216" s="797"/>
      <c r="O216" s="797"/>
    </row>
    <row r="217" spans="3:15">
      <c r="C217" s="789">
        <f>IF(D185="","-",+C216+1)</f>
        <v>2039</v>
      </c>
      <c r="D217" s="737">
        <f t="shared" si="6"/>
        <v>5283963.692307692</v>
      </c>
      <c r="E217" s="790">
        <f t="shared" si="11"/>
        <v>391404.71794871794</v>
      </c>
      <c r="F217" s="737">
        <f t="shared" si="7"/>
        <v>4892558.974358974</v>
      </c>
      <c r="G217" s="795">
        <f t="shared" si="8"/>
        <v>944514.91394624556</v>
      </c>
      <c r="H217" s="796">
        <f t="shared" si="9"/>
        <v>944514.91394624556</v>
      </c>
      <c r="I217" s="793">
        <f t="shared" si="10"/>
        <v>0</v>
      </c>
      <c r="J217" s="793"/>
      <c r="K217" s="813"/>
      <c r="L217" s="797"/>
      <c r="M217" s="813"/>
      <c r="N217" s="797"/>
      <c r="O217" s="797"/>
    </row>
    <row r="218" spans="3:15">
      <c r="C218" s="789">
        <f>IF(D185="","-",+C217+1)</f>
        <v>2040</v>
      </c>
      <c r="D218" s="737">
        <f t="shared" si="6"/>
        <v>4892558.974358974</v>
      </c>
      <c r="E218" s="790">
        <f t="shared" si="11"/>
        <v>391404.71794871794</v>
      </c>
      <c r="F218" s="737">
        <f t="shared" si="7"/>
        <v>4501154.256410256</v>
      </c>
      <c r="G218" s="795">
        <f t="shared" si="8"/>
        <v>901967.9757925896</v>
      </c>
      <c r="H218" s="796">
        <f t="shared" si="9"/>
        <v>901967.9757925896</v>
      </c>
      <c r="I218" s="793">
        <f t="shared" si="10"/>
        <v>0</v>
      </c>
      <c r="J218" s="793"/>
      <c r="K218" s="813"/>
      <c r="L218" s="797"/>
      <c r="M218" s="813"/>
      <c r="N218" s="797"/>
      <c r="O218" s="797"/>
    </row>
    <row r="219" spans="3:15">
      <c r="C219" s="789">
        <f>IF(D185="","-",+C218+1)</f>
        <v>2041</v>
      </c>
      <c r="D219" s="737">
        <f t="shared" si="6"/>
        <v>4501154.256410256</v>
      </c>
      <c r="E219" s="790">
        <f t="shared" si="11"/>
        <v>391404.71794871794</v>
      </c>
      <c r="F219" s="737">
        <f t="shared" si="7"/>
        <v>4109749.538461538</v>
      </c>
      <c r="G219" s="791">
        <f t="shared" si="8"/>
        <v>859421.03763893363</v>
      </c>
      <c r="H219" s="796">
        <f t="shared" si="9"/>
        <v>859421.03763893363</v>
      </c>
      <c r="I219" s="793">
        <f t="shared" si="10"/>
        <v>0</v>
      </c>
      <c r="J219" s="793"/>
      <c r="K219" s="813"/>
      <c r="L219" s="797"/>
      <c r="M219" s="813"/>
      <c r="N219" s="797"/>
      <c r="O219" s="797"/>
    </row>
    <row r="220" spans="3:15">
      <c r="C220" s="789">
        <f>IF(D185="","-",+C219+1)</f>
        <v>2042</v>
      </c>
      <c r="D220" s="737">
        <f t="shared" si="6"/>
        <v>4109749.538461538</v>
      </c>
      <c r="E220" s="790">
        <f t="shared" si="11"/>
        <v>391404.71794871794</v>
      </c>
      <c r="F220" s="737">
        <f t="shared" si="7"/>
        <v>3718344.82051282</v>
      </c>
      <c r="G220" s="795">
        <f t="shared" si="8"/>
        <v>816874.09948527766</v>
      </c>
      <c r="H220" s="796">
        <f t="shared" si="9"/>
        <v>816874.09948527766</v>
      </c>
      <c r="I220" s="793">
        <f t="shared" si="10"/>
        <v>0</v>
      </c>
      <c r="J220" s="793"/>
      <c r="K220" s="813"/>
      <c r="L220" s="797"/>
      <c r="M220" s="813"/>
      <c r="N220" s="797"/>
      <c r="O220" s="797"/>
    </row>
    <row r="221" spans="3:15">
      <c r="C221" s="789">
        <f>IF(D185="","-",+C220+1)</f>
        <v>2043</v>
      </c>
      <c r="D221" s="737">
        <f t="shared" si="6"/>
        <v>3718344.82051282</v>
      </c>
      <c r="E221" s="790">
        <f t="shared" si="11"/>
        <v>391404.71794871794</v>
      </c>
      <c r="F221" s="737">
        <f t="shared" si="7"/>
        <v>3326940.102564102</v>
      </c>
      <c r="G221" s="795">
        <f t="shared" si="8"/>
        <v>774327.1613316217</v>
      </c>
      <c r="H221" s="796">
        <f t="shared" si="9"/>
        <v>774327.1613316217</v>
      </c>
      <c r="I221" s="793">
        <f t="shared" si="10"/>
        <v>0</v>
      </c>
      <c r="J221" s="793"/>
      <c r="K221" s="813"/>
      <c r="L221" s="797"/>
      <c r="M221" s="813"/>
      <c r="N221" s="797"/>
      <c r="O221" s="797"/>
    </row>
    <row r="222" spans="3:15">
      <c r="C222" s="789">
        <f>IF(D185="","-",+C221+1)</f>
        <v>2044</v>
      </c>
      <c r="D222" s="737">
        <f t="shared" si="6"/>
        <v>3326940.102564102</v>
      </c>
      <c r="E222" s="790">
        <f t="shared" si="11"/>
        <v>391404.71794871794</v>
      </c>
      <c r="F222" s="737">
        <f t="shared" si="7"/>
        <v>2935535.384615384</v>
      </c>
      <c r="G222" s="795">
        <f t="shared" si="8"/>
        <v>731780.22317796573</v>
      </c>
      <c r="H222" s="796">
        <f t="shared" si="9"/>
        <v>731780.22317796573</v>
      </c>
      <c r="I222" s="793">
        <f t="shared" si="10"/>
        <v>0</v>
      </c>
      <c r="J222" s="793"/>
      <c r="K222" s="813"/>
      <c r="L222" s="797"/>
      <c r="M222" s="813"/>
      <c r="N222" s="797"/>
      <c r="O222" s="797"/>
    </row>
    <row r="223" spans="3:15">
      <c r="C223" s="789">
        <f>IF(D185="","-",+C222+1)</f>
        <v>2045</v>
      </c>
      <c r="D223" s="737">
        <f t="shared" si="6"/>
        <v>2935535.384615384</v>
      </c>
      <c r="E223" s="790">
        <f t="shared" si="11"/>
        <v>391404.71794871794</v>
      </c>
      <c r="F223" s="737">
        <f t="shared" si="7"/>
        <v>2544130.666666666</v>
      </c>
      <c r="G223" s="795">
        <f t="shared" si="8"/>
        <v>689233.28502430976</v>
      </c>
      <c r="H223" s="796">
        <f t="shared" si="9"/>
        <v>689233.28502430976</v>
      </c>
      <c r="I223" s="793">
        <f t="shared" si="10"/>
        <v>0</v>
      </c>
      <c r="J223" s="793"/>
      <c r="K223" s="813"/>
      <c r="L223" s="797"/>
      <c r="M223" s="813"/>
      <c r="N223" s="797"/>
      <c r="O223" s="797"/>
    </row>
    <row r="224" spans="3:15">
      <c r="C224" s="789">
        <f>IF(D185="","-",+C223+1)</f>
        <v>2046</v>
      </c>
      <c r="D224" s="737">
        <f t="shared" si="6"/>
        <v>2544130.666666666</v>
      </c>
      <c r="E224" s="790">
        <f t="shared" si="11"/>
        <v>391404.71794871794</v>
      </c>
      <c r="F224" s="737">
        <f t="shared" si="7"/>
        <v>2152725.948717948</v>
      </c>
      <c r="G224" s="795">
        <f t="shared" si="8"/>
        <v>646686.3468706538</v>
      </c>
      <c r="H224" s="796">
        <f t="shared" si="9"/>
        <v>646686.3468706538</v>
      </c>
      <c r="I224" s="793">
        <f t="shared" si="10"/>
        <v>0</v>
      </c>
      <c r="J224" s="793"/>
      <c r="K224" s="813"/>
      <c r="L224" s="797"/>
      <c r="M224" s="813"/>
      <c r="N224" s="797"/>
      <c r="O224" s="797"/>
    </row>
    <row r="225" spans="3:15">
      <c r="C225" s="789">
        <f>IF(D185="","-",+C224+1)</f>
        <v>2047</v>
      </c>
      <c r="D225" s="737">
        <f t="shared" si="6"/>
        <v>2152725.948717948</v>
      </c>
      <c r="E225" s="790">
        <f t="shared" si="11"/>
        <v>391404.71794871794</v>
      </c>
      <c r="F225" s="737">
        <f t="shared" si="7"/>
        <v>1761321.2307692301</v>
      </c>
      <c r="G225" s="795">
        <f t="shared" si="8"/>
        <v>604139.40871699771</v>
      </c>
      <c r="H225" s="796">
        <f t="shared" si="9"/>
        <v>604139.40871699771</v>
      </c>
      <c r="I225" s="793">
        <f t="shared" si="10"/>
        <v>0</v>
      </c>
      <c r="J225" s="793"/>
      <c r="K225" s="813"/>
      <c r="L225" s="797"/>
      <c r="M225" s="813"/>
      <c r="N225" s="797"/>
      <c r="O225" s="797"/>
    </row>
    <row r="226" spans="3:15">
      <c r="C226" s="789">
        <f>IF(D185="","-",+C225+1)</f>
        <v>2048</v>
      </c>
      <c r="D226" s="737">
        <f t="shared" si="6"/>
        <v>1761321.2307692301</v>
      </c>
      <c r="E226" s="790">
        <f t="shared" si="11"/>
        <v>391404.71794871794</v>
      </c>
      <c r="F226" s="737">
        <f t="shared" si="7"/>
        <v>1369916.5128205121</v>
      </c>
      <c r="G226" s="795">
        <f t="shared" si="8"/>
        <v>561592.47056334175</v>
      </c>
      <c r="H226" s="796">
        <f t="shared" si="9"/>
        <v>561592.47056334175</v>
      </c>
      <c r="I226" s="793">
        <f t="shared" si="10"/>
        <v>0</v>
      </c>
      <c r="J226" s="793"/>
      <c r="K226" s="813"/>
      <c r="L226" s="797"/>
      <c r="M226" s="813"/>
      <c r="N226" s="797"/>
      <c r="O226" s="797"/>
    </row>
    <row r="227" spans="3:15">
      <c r="C227" s="789">
        <f>IF(D185="","-",+C226+1)</f>
        <v>2049</v>
      </c>
      <c r="D227" s="737">
        <f t="shared" si="6"/>
        <v>1369916.5128205121</v>
      </c>
      <c r="E227" s="790">
        <f t="shared" si="11"/>
        <v>391404.71794871794</v>
      </c>
      <c r="F227" s="737">
        <f t="shared" si="7"/>
        <v>978511.79487179406</v>
      </c>
      <c r="G227" s="795">
        <f t="shared" si="8"/>
        <v>519045.53240968578</v>
      </c>
      <c r="H227" s="796">
        <f t="shared" si="9"/>
        <v>519045.53240968578</v>
      </c>
      <c r="I227" s="793">
        <f t="shared" si="10"/>
        <v>0</v>
      </c>
      <c r="J227" s="793"/>
      <c r="K227" s="813"/>
      <c r="L227" s="797"/>
      <c r="M227" s="813"/>
      <c r="N227" s="797"/>
      <c r="O227" s="797"/>
    </row>
    <row r="228" spans="3:15">
      <c r="C228" s="789">
        <f>IF(D185="","-",+C227+1)</f>
        <v>2050</v>
      </c>
      <c r="D228" s="737">
        <f t="shared" si="6"/>
        <v>978511.79487179406</v>
      </c>
      <c r="E228" s="790">
        <f t="shared" si="11"/>
        <v>391404.71794871794</v>
      </c>
      <c r="F228" s="737">
        <f t="shared" si="7"/>
        <v>587107.07692307606</v>
      </c>
      <c r="G228" s="795">
        <f t="shared" si="8"/>
        <v>476498.59425602981</v>
      </c>
      <c r="H228" s="796">
        <f t="shared" si="9"/>
        <v>476498.59425602981</v>
      </c>
      <c r="I228" s="793">
        <f t="shared" si="10"/>
        <v>0</v>
      </c>
      <c r="J228" s="793"/>
      <c r="K228" s="813"/>
      <c r="L228" s="797"/>
      <c r="M228" s="813"/>
      <c r="N228" s="797"/>
      <c r="O228" s="797"/>
    </row>
    <row r="229" spans="3:15">
      <c r="C229" s="789">
        <f>IF(D185="","-",+C228+1)</f>
        <v>2051</v>
      </c>
      <c r="D229" s="737">
        <f t="shared" si="6"/>
        <v>587107.07692307606</v>
      </c>
      <c r="E229" s="790">
        <f t="shared" si="11"/>
        <v>391404.71794871794</v>
      </c>
      <c r="F229" s="737">
        <f t="shared" si="7"/>
        <v>195702.35897435813</v>
      </c>
      <c r="G229" s="795">
        <f t="shared" si="8"/>
        <v>433951.65610237385</v>
      </c>
      <c r="H229" s="796">
        <f t="shared" si="9"/>
        <v>433951.65610237385</v>
      </c>
      <c r="I229" s="793">
        <f t="shared" si="10"/>
        <v>0</v>
      </c>
      <c r="J229" s="793"/>
      <c r="K229" s="813"/>
      <c r="L229" s="797"/>
      <c r="M229" s="813"/>
      <c r="N229" s="797"/>
      <c r="O229" s="797"/>
    </row>
    <row r="230" spans="3:15">
      <c r="C230" s="789">
        <f>IF(D185="","-",+C229+1)</f>
        <v>2052</v>
      </c>
      <c r="D230" s="737">
        <f t="shared" si="6"/>
        <v>195702.35897435813</v>
      </c>
      <c r="E230" s="790">
        <f t="shared" si="11"/>
        <v>195702.35897435813</v>
      </c>
      <c r="F230" s="737">
        <f t="shared" si="7"/>
        <v>0</v>
      </c>
      <c r="G230" s="795">
        <f t="shared" si="8"/>
        <v>206339.09351277206</v>
      </c>
      <c r="H230" s="796">
        <f t="shared" si="9"/>
        <v>206339.09351277206</v>
      </c>
      <c r="I230" s="793">
        <f t="shared" si="10"/>
        <v>0</v>
      </c>
      <c r="J230" s="793"/>
      <c r="K230" s="813"/>
      <c r="L230" s="797"/>
      <c r="M230" s="813"/>
      <c r="N230" s="797"/>
      <c r="O230" s="797"/>
    </row>
    <row r="231" spans="3:15">
      <c r="C231" s="789">
        <f>IF(D185="","-",+C230+1)</f>
        <v>2053</v>
      </c>
      <c r="D231" s="737">
        <f t="shared" si="6"/>
        <v>0</v>
      </c>
      <c r="E231" s="790">
        <f t="shared" si="11"/>
        <v>0</v>
      </c>
      <c r="F231" s="737">
        <f t="shared" si="7"/>
        <v>0</v>
      </c>
      <c r="G231" s="795">
        <f t="shared" si="8"/>
        <v>0</v>
      </c>
      <c r="H231" s="796">
        <f t="shared" si="9"/>
        <v>0</v>
      </c>
      <c r="I231" s="793">
        <f t="shared" si="10"/>
        <v>0</v>
      </c>
      <c r="J231" s="793"/>
      <c r="K231" s="813"/>
      <c r="L231" s="797"/>
      <c r="M231" s="813"/>
      <c r="N231" s="797"/>
      <c r="O231" s="797"/>
    </row>
    <row r="232" spans="3:15">
      <c r="C232" s="789">
        <f>IF(D185="","-",+C231+1)</f>
        <v>2054</v>
      </c>
      <c r="D232" s="737">
        <f t="shared" si="6"/>
        <v>0</v>
      </c>
      <c r="E232" s="790">
        <f t="shared" si="11"/>
        <v>0</v>
      </c>
      <c r="F232" s="737">
        <f t="shared" si="7"/>
        <v>0</v>
      </c>
      <c r="G232" s="795">
        <f t="shared" si="8"/>
        <v>0</v>
      </c>
      <c r="H232" s="796">
        <f t="shared" si="9"/>
        <v>0</v>
      </c>
      <c r="I232" s="793">
        <f t="shared" si="10"/>
        <v>0</v>
      </c>
      <c r="J232" s="793"/>
      <c r="K232" s="813"/>
      <c r="L232" s="797"/>
      <c r="M232" s="813"/>
      <c r="N232" s="797"/>
      <c r="O232" s="797"/>
    </row>
    <row r="233" spans="3:15">
      <c r="C233" s="789">
        <f>IF(D185="","-",+C232+1)</f>
        <v>2055</v>
      </c>
      <c r="D233" s="737">
        <f t="shared" si="6"/>
        <v>0</v>
      </c>
      <c r="E233" s="790">
        <f t="shared" si="11"/>
        <v>0</v>
      </c>
      <c r="F233" s="737">
        <f t="shared" si="7"/>
        <v>0</v>
      </c>
      <c r="G233" s="795">
        <f t="shared" si="8"/>
        <v>0</v>
      </c>
      <c r="H233" s="796">
        <f t="shared" si="9"/>
        <v>0</v>
      </c>
      <c r="I233" s="793">
        <f t="shared" si="10"/>
        <v>0</v>
      </c>
      <c r="J233" s="793"/>
      <c r="K233" s="813"/>
      <c r="L233" s="797"/>
      <c r="M233" s="813"/>
      <c r="N233" s="797"/>
      <c r="O233" s="797"/>
    </row>
    <row r="234" spans="3:15">
      <c r="C234" s="789">
        <f>IF(D185="","-",+C233+1)</f>
        <v>2056</v>
      </c>
      <c r="D234" s="737">
        <f t="shared" si="6"/>
        <v>0</v>
      </c>
      <c r="E234" s="790">
        <f t="shared" si="11"/>
        <v>0</v>
      </c>
      <c r="F234" s="737">
        <f t="shared" si="7"/>
        <v>0</v>
      </c>
      <c r="G234" s="795">
        <f t="shared" si="8"/>
        <v>0</v>
      </c>
      <c r="H234" s="796">
        <f t="shared" si="9"/>
        <v>0</v>
      </c>
      <c r="I234" s="793">
        <f t="shared" si="10"/>
        <v>0</v>
      </c>
      <c r="J234" s="793"/>
      <c r="K234" s="813"/>
      <c r="L234" s="797"/>
      <c r="M234" s="813"/>
      <c r="N234" s="797"/>
      <c r="O234" s="797"/>
    </row>
    <row r="235" spans="3:15">
      <c r="C235" s="789">
        <f>IF(D185="","-",+C234+1)</f>
        <v>2057</v>
      </c>
      <c r="D235" s="737">
        <f t="shared" si="6"/>
        <v>0</v>
      </c>
      <c r="E235" s="790">
        <f t="shared" si="11"/>
        <v>0</v>
      </c>
      <c r="F235" s="737">
        <f t="shared" si="7"/>
        <v>0</v>
      </c>
      <c r="G235" s="795">
        <f t="shared" si="8"/>
        <v>0</v>
      </c>
      <c r="H235" s="796">
        <f t="shared" si="9"/>
        <v>0</v>
      </c>
      <c r="I235" s="793">
        <f t="shared" si="10"/>
        <v>0</v>
      </c>
      <c r="J235" s="793"/>
      <c r="K235" s="813"/>
      <c r="L235" s="797"/>
      <c r="M235" s="813"/>
      <c r="N235" s="797"/>
      <c r="O235" s="797"/>
    </row>
    <row r="236" spans="3:15">
      <c r="C236" s="789">
        <f>IF(D185="","-",+C235+1)</f>
        <v>2058</v>
      </c>
      <c r="D236" s="737">
        <f t="shared" si="6"/>
        <v>0</v>
      </c>
      <c r="E236" s="790">
        <f t="shared" si="11"/>
        <v>0</v>
      </c>
      <c r="F236" s="737">
        <f t="shared" si="7"/>
        <v>0</v>
      </c>
      <c r="G236" s="795">
        <f t="shared" si="8"/>
        <v>0</v>
      </c>
      <c r="H236" s="796">
        <f t="shared" si="9"/>
        <v>0</v>
      </c>
      <c r="I236" s="793">
        <f t="shared" si="10"/>
        <v>0</v>
      </c>
      <c r="J236" s="793"/>
      <c r="K236" s="813"/>
      <c r="L236" s="797"/>
      <c r="M236" s="813"/>
      <c r="N236" s="797"/>
      <c r="O236" s="797"/>
    </row>
    <row r="237" spans="3:15">
      <c r="C237" s="789">
        <f>IF(D185="","-",+C236+1)</f>
        <v>2059</v>
      </c>
      <c r="D237" s="737">
        <f t="shared" si="6"/>
        <v>0</v>
      </c>
      <c r="E237" s="790">
        <f t="shared" si="11"/>
        <v>0</v>
      </c>
      <c r="F237" s="737">
        <f t="shared" si="7"/>
        <v>0</v>
      </c>
      <c r="G237" s="795">
        <f t="shared" si="8"/>
        <v>0</v>
      </c>
      <c r="H237" s="796">
        <f t="shared" si="9"/>
        <v>0</v>
      </c>
      <c r="I237" s="793">
        <f t="shared" si="10"/>
        <v>0</v>
      </c>
      <c r="J237" s="793"/>
      <c r="K237" s="813"/>
      <c r="L237" s="797"/>
      <c r="M237" s="813"/>
      <c r="N237" s="797"/>
      <c r="O237" s="797"/>
    </row>
    <row r="238" spans="3:15">
      <c r="C238" s="789">
        <f>IF(D185="","-",+C237+1)</f>
        <v>2060</v>
      </c>
      <c r="D238" s="737">
        <f t="shared" si="6"/>
        <v>0</v>
      </c>
      <c r="E238" s="790">
        <f t="shared" si="11"/>
        <v>0</v>
      </c>
      <c r="F238" s="737">
        <f t="shared" si="7"/>
        <v>0</v>
      </c>
      <c r="G238" s="795">
        <f t="shared" si="8"/>
        <v>0</v>
      </c>
      <c r="H238" s="796">
        <f t="shared" si="9"/>
        <v>0</v>
      </c>
      <c r="I238" s="793">
        <f t="shared" si="10"/>
        <v>0</v>
      </c>
      <c r="J238" s="793"/>
      <c r="K238" s="813"/>
      <c r="L238" s="797"/>
      <c r="M238" s="813"/>
      <c r="N238" s="797"/>
      <c r="O238" s="797"/>
    </row>
    <row r="239" spans="3:15">
      <c r="C239" s="789">
        <f>IF(D185="","-",+C238+1)</f>
        <v>2061</v>
      </c>
      <c r="D239" s="737">
        <f t="shared" si="6"/>
        <v>0</v>
      </c>
      <c r="E239" s="790">
        <f t="shared" si="11"/>
        <v>0</v>
      </c>
      <c r="F239" s="737">
        <f t="shared" si="7"/>
        <v>0</v>
      </c>
      <c r="G239" s="795">
        <f t="shared" si="8"/>
        <v>0</v>
      </c>
      <c r="H239" s="796">
        <f t="shared" si="9"/>
        <v>0</v>
      </c>
      <c r="I239" s="793">
        <f t="shared" si="10"/>
        <v>0</v>
      </c>
      <c r="J239" s="793"/>
      <c r="K239" s="813"/>
      <c r="L239" s="797"/>
      <c r="M239" s="813"/>
      <c r="N239" s="797"/>
      <c r="O239" s="797"/>
    </row>
    <row r="240" spans="3:15">
      <c r="C240" s="789">
        <f>IF(D185="","-",+C239+1)</f>
        <v>2062</v>
      </c>
      <c r="D240" s="737">
        <f t="shared" si="6"/>
        <v>0</v>
      </c>
      <c r="E240" s="790">
        <f t="shared" si="11"/>
        <v>0</v>
      </c>
      <c r="F240" s="737">
        <f t="shared" si="7"/>
        <v>0</v>
      </c>
      <c r="G240" s="795">
        <f t="shared" si="8"/>
        <v>0</v>
      </c>
      <c r="H240" s="796">
        <f t="shared" si="9"/>
        <v>0</v>
      </c>
      <c r="I240" s="793">
        <f t="shared" si="10"/>
        <v>0</v>
      </c>
      <c r="J240" s="793"/>
      <c r="K240" s="813"/>
      <c r="L240" s="797"/>
      <c r="M240" s="813"/>
      <c r="N240" s="797"/>
      <c r="O240" s="797"/>
    </row>
    <row r="241" spans="3:15">
      <c r="C241" s="789">
        <f>IF(D185="","-",+C240+1)</f>
        <v>2063</v>
      </c>
      <c r="D241" s="737">
        <f t="shared" si="6"/>
        <v>0</v>
      </c>
      <c r="E241" s="790">
        <f t="shared" si="11"/>
        <v>0</v>
      </c>
      <c r="F241" s="737">
        <f t="shared" si="7"/>
        <v>0</v>
      </c>
      <c r="G241" s="795">
        <f t="shared" si="8"/>
        <v>0</v>
      </c>
      <c r="H241" s="796">
        <f t="shared" si="9"/>
        <v>0</v>
      </c>
      <c r="I241" s="793">
        <f t="shared" si="10"/>
        <v>0</v>
      </c>
      <c r="J241" s="793"/>
      <c r="K241" s="813"/>
      <c r="L241" s="797"/>
      <c r="M241" s="813"/>
      <c r="N241" s="797"/>
      <c r="O241" s="797"/>
    </row>
    <row r="242" spans="3:15">
      <c r="C242" s="789">
        <f>IF(D185="","-",+C241+1)</f>
        <v>2064</v>
      </c>
      <c r="D242" s="737">
        <f t="shared" si="6"/>
        <v>0</v>
      </c>
      <c r="E242" s="790">
        <f t="shared" si="11"/>
        <v>0</v>
      </c>
      <c r="F242" s="737">
        <f t="shared" si="7"/>
        <v>0</v>
      </c>
      <c r="G242" s="795">
        <f t="shared" si="8"/>
        <v>0</v>
      </c>
      <c r="H242" s="796">
        <f t="shared" si="9"/>
        <v>0</v>
      </c>
      <c r="I242" s="793">
        <f t="shared" si="10"/>
        <v>0</v>
      </c>
      <c r="J242" s="793"/>
      <c r="K242" s="813"/>
      <c r="L242" s="797"/>
      <c r="M242" s="813"/>
      <c r="N242" s="797"/>
      <c r="O242" s="797"/>
    </row>
    <row r="243" spans="3:15">
      <c r="C243" s="789">
        <f>IF(D185="","-",+C242+1)</f>
        <v>2065</v>
      </c>
      <c r="D243" s="737">
        <f t="shared" si="6"/>
        <v>0</v>
      </c>
      <c r="E243" s="790">
        <f t="shared" si="11"/>
        <v>0</v>
      </c>
      <c r="F243" s="737">
        <f t="shared" si="7"/>
        <v>0</v>
      </c>
      <c r="G243" s="795">
        <f t="shared" si="8"/>
        <v>0</v>
      </c>
      <c r="H243" s="796">
        <f t="shared" si="9"/>
        <v>0</v>
      </c>
      <c r="I243" s="793">
        <f t="shared" si="10"/>
        <v>0</v>
      </c>
      <c r="J243" s="793"/>
      <c r="K243" s="813"/>
      <c r="L243" s="797"/>
      <c r="M243" s="813"/>
      <c r="N243" s="797"/>
      <c r="O243" s="797"/>
    </row>
    <row r="244" spans="3:15">
      <c r="C244" s="789">
        <f>IF(D185="","-",+C243+1)</f>
        <v>2066</v>
      </c>
      <c r="D244" s="737">
        <f t="shared" si="6"/>
        <v>0</v>
      </c>
      <c r="E244" s="790">
        <f t="shared" si="11"/>
        <v>0</v>
      </c>
      <c r="F244" s="737">
        <f t="shared" si="7"/>
        <v>0</v>
      </c>
      <c r="G244" s="795">
        <f t="shared" si="8"/>
        <v>0</v>
      </c>
      <c r="H244" s="796">
        <f t="shared" si="9"/>
        <v>0</v>
      </c>
      <c r="I244" s="793">
        <f t="shared" si="10"/>
        <v>0</v>
      </c>
      <c r="J244" s="793"/>
      <c r="K244" s="813"/>
      <c r="L244" s="797"/>
      <c r="M244" s="813"/>
      <c r="N244" s="797"/>
      <c r="O244" s="797"/>
    </row>
    <row r="245" spans="3:15">
      <c r="C245" s="789">
        <f>IF(D185="","-",+C244+1)</f>
        <v>2067</v>
      </c>
      <c r="D245" s="737">
        <f t="shared" si="6"/>
        <v>0</v>
      </c>
      <c r="E245" s="790">
        <f t="shared" si="11"/>
        <v>0</v>
      </c>
      <c r="F245" s="737">
        <f t="shared" si="7"/>
        <v>0</v>
      </c>
      <c r="G245" s="795">
        <f t="shared" si="8"/>
        <v>0</v>
      </c>
      <c r="H245" s="796">
        <f t="shared" si="9"/>
        <v>0</v>
      </c>
      <c r="I245" s="793">
        <f t="shared" si="10"/>
        <v>0</v>
      </c>
      <c r="J245" s="793"/>
      <c r="K245" s="813"/>
      <c r="L245" s="797"/>
      <c r="M245" s="813"/>
      <c r="N245" s="797"/>
      <c r="O245" s="797"/>
    </row>
    <row r="246" spans="3:15">
      <c r="C246" s="789">
        <f>IF(D185="","-",+C245+1)</f>
        <v>2068</v>
      </c>
      <c r="D246" s="737">
        <f t="shared" si="6"/>
        <v>0</v>
      </c>
      <c r="E246" s="790">
        <f t="shared" si="11"/>
        <v>0</v>
      </c>
      <c r="F246" s="737">
        <f t="shared" si="7"/>
        <v>0</v>
      </c>
      <c r="G246" s="795">
        <f t="shared" si="8"/>
        <v>0</v>
      </c>
      <c r="H246" s="796">
        <f t="shared" si="9"/>
        <v>0</v>
      </c>
      <c r="I246" s="793">
        <f t="shared" si="10"/>
        <v>0</v>
      </c>
      <c r="J246" s="793"/>
      <c r="K246" s="813"/>
      <c r="L246" s="797"/>
      <c r="M246" s="813"/>
      <c r="N246" s="797"/>
      <c r="O246" s="797"/>
    </row>
    <row r="247" spans="3:15">
      <c r="C247" s="789">
        <f>IF(D185="","-",+C246+1)</f>
        <v>2069</v>
      </c>
      <c r="D247" s="737">
        <f t="shared" si="6"/>
        <v>0</v>
      </c>
      <c r="E247" s="790">
        <f t="shared" si="11"/>
        <v>0</v>
      </c>
      <c r="F247" s="737">
        <f t="shared" si="7"/>
        <v>0</v>
      </c>
      <c r="G247" s="795">
        <f t="shared" si="8"/>
        <v>0</v>
      </c>
      <c r="H247" s="796">
        <f t="shared" si="9"/>
        <v>0</v>
      </c>
      <c r="I247" s="793">
        <f t="shared" si="10"/>
        <v>0</v>
      </c>
      <c r="J247" s="793"/>
      <c r="K247" s="813"/>
      <c r="L247" s="797"/>
      <c r="M247" s="813"/>
      <c r="N247" s="797"/>
      <c r="O247" s="797"/>
    </row>
    <row r="248" spans="3:15">
      <c r="C248" s="789">
        <f>IF(D185="","-",+C247+1)</f>
        <v>2070</v>
      </c>
      <c r="D248" s="737">
        <f t="shared" si="6"/>
        <v>0</v>
      </c>
      <c r="E248" s="790">
        <f t="shared" si="11"/>
        <v>0</v>
      </c>
      <c r="F248" s="737">
        <f t="shared" si="7"/>
        <v>0</v>
      </c>
      <c r="G248" s="795">
        <f t="shared" si="8"/>
        <v>0</v>
      </c>
      <c r="H248" s="796">
        <f t="shared" si="9"/>
        <v>0</v>
      </c>
      <c r="I248" s="793">
        <f t="shared" si="10"/>
        <v>0</v>
      </c>
      <c r="J248" s="793"/>
      <c r="K248" s="813"/>
      <c r="L248" s="797"/>
      <c r="M248" s="813"/>
      <c r="N248" s="797"/>
      <c r="O248" s="797"/>
    </row>
    <row r="249" spans="3:15">
      <c r="C249" s="789">
        <f>IF(D185="","-",+C248+1)</f>
        <v>2071</v>
      </c>
      <c r="D249" s="737">
        <f t="shared" si="6"/>
        <v>0</v>
      </c>
      <c r="E249" s="790">
        <f t="shared" si="11"/>
        <v>0</v>
      </c>
      <c r="F249" s="737">
        <f t="shared" si="7"/>
        <v>0</v>
      </c>
      <c r="G249" s="795">
        <f t="shared" si="8"/>
        <v>0</v>
      </c>
      <c r="H249" s="796">
        <f t="shared" si="9"/>
        <v>0</v>
      </c>
      <c r="I249" s="793">
        <f t="shared" si="10"/>
        <v>0</v>
      </c>
      <c r="J249" s="793"/>
      <c r="K249" s="813"/>
      <c r="L249" s="797"/>
      <c r="M249" s="813"/>
      <c r="N249" s="797"/>
      <c r="O249" s="797"/>
    </row>
    <row r="250" spans="3:15" ht="13.5" thickBot="1">
      <c r="C250" s="799">
        <f>IF(D185="","-",+C249+1)</f>
        <v>2072</v>
      </c>
      <c r="D250" s="800">
        <f t="shared" si="6"/>
        <v>0</v>
      </c>
      <c r="E250" s="801">
        <f t="shared" si="11"/>
        <v>0</v>
      </c>
      <c r="F250" s="800">
        <f t="shared" si="7"/>
        <v>0</v>
      </c>
      <c r="G250" s="802">
        <f t="shared" si="8"/>
        <v>0</v>
      </c>
      <c r="H250" s="802">
        <f t="shared" si="9"/>
        <v>0</v>
      </c>
      <c r="I250" s="803">
        <f t="shared" si="10"/>
        <v>0</v>
      </c>
      <c r="J250" s="793"/>
      <c r="K250" s="814"/>
      <c r="L250" s="804"/>
      <c r="M250" s="814"/>
      <c r="N250" s="804"/>
      <c r="O250" s="804"/>
    </row>
    <row r="251" spans="3:15">
      <c r="C251" s="737" t="s">
        <v>91</v>
      </c>
      <c r="D251" s="731"/>
      <c r="E251" s="731">
        <f>SUM(E191:E250)</f>
        <v>15264784</v>
      </c>
      <c r="F251" s="731"/>
      <c r="G251" s="731">
        <f>SUM(G191:G250)</f>
        <v>48451395.759851664</v>
      </c>
      <c r="H251" s="731">
        <f>SUM(H191:H250)</f>
        <v>48451395.759851664</v>
      </c>
      <c r="I251" s="731">
        <f>SUM(I191:I250)</f>
        <v>0</v>
      </c>
      <c r="J251" s="731"/>
      <c r="K251" s="731"/>
      <c r="L251" s="731"/>
      <c r="M251" s="731"/>
      <c r="N251" s="731"/>
      <c r="O251" s="314"/>
    </row>
    <row r="252" spans="3:15">
      <c r="D252" s="539"/>
      <c r="E252" s="314"/>
      <c r="F252" s="314"/>
      <c r="G252" s="314"/>
      <c r="H252" s="709"/>
      <c r="I252" s="709"/>
      <c r="J252" s="731"/>
      <c r="K252" s="709"/>
      <c r="L252" s="709"/>
      <c r="M252" s="709"/>
      <c r="N252" s="709"/>
      <c r="O252" s="314"/>
    </row>
    <row r="253" spans="3:15">
      <c r="C253" s="314" t="s">
        <v>13</v>
      </c>
      <c r="D253" s="539"/>
      <c r="E253" s="314"/>
      <c r="F253" s="314"/>
      <c r="G253" s="314"/>
      <c r="H253" s="709"/>
      <c r="I253" s="709"/>
      <c r="J253" s="731"/>
      <c r="K253" s="709"/>
      <c r="L253" s="709"/>
      <c r="M253" s="709"/>
      <c r="N253" s="709"/>
      <c r="O253" s="314"/>
    </row>
    <row r="254" spans="3:15">
      <c r="C254" s="314"/>
      <c r="D254" s="539"/>
      <c r="E254" s="314"/>
      <c r="F254" s="314"/>
      <c r="G254" s="314"/>
      <c r="H254" s="709"/>
      <c r="I254" s="709"/>
      <c r="J254" s="731"/>
      <c r="K254" s="709"/>
      <c r="L254" s="709"/>
      <c r="M254" s="709"/>
      <c r="N254" s="709"/>
      <c r="O254" s="314"/>
    </row>
    <row r="255" spans="3:15">
      <c r="C255" s="750" t="s">
        <v>14</v>
      </c>
      <c r="D255" s="737"/>
      <c r="E255" s="737"/>
      <c r="F255" s="737"/>
      <c r="G255" s="731"/>
      <c r="H255" s="731"/>
      <c r="I255" s="805"/>
      <c r="J255" s="805"/>
      <c r="K255" s="805"/>
      <c r="L255" s="805"/>
      <c r="M255" s="805"/>
      <c r="N255" s="805"/>
      <c r="O255" s="314"/>
    </row>
    <row r="256" spans="3:15">
      <c r="C256" s="736" t="s">
        <v>271</v>
      </c>
      <c r="D256" s="737"/>
      <c r="E256" s="737"/>
      <c r="F256" s="737"/>
      <c r="G256" s="731"/>
      <c r="H256" s="731"/>
      <c r="I256" s="805"/>
      <c r="J256" s="805"/>
      <c r="K256" s="805"/>
      <c r="L256" s="805"/>
      <c r="M256" s="805"/>
      <c r="N256" s="805"/>
      <c r="O256" s="314"/>
    </row>
    <row r="257" spans="1:16">
      <c r="C257" s="736" t="s">
        <v>92</v>
      </c>
      <c r="D257" s="737"/>
      <c r="E257" s="737"/>
      <c r="F257" s="737"/>
      <c r="G257" s="731"/>
      <c r="H257" s="731"/>
      <c r="I257" s="805"/>
      <c r="J257" s="805"/>
      <c r="K257" s="805"/>
      <c r="L257" s="805"/>
      <c r="M257" s="805"/>
      <c r="N257" s="805"/>
      <c r="O257" s="314"/>
    </row>
    <row r="258" spans="1:16">
      <c r="C258" s="736"/>
      <c r="D258" s="737"/>
      <c r="E258" s="737"/>
      <c r="F258" s="737"/>
      <c r="G258" s="731"/>
      <c r="H258" s="731"/>
      <c r="I258" s="805"/>
      <c r="J258" s="805"/>
      <c r="K258" s="805"/>
      <c r="L258" s="805"/>
      <c r="M258" s="805"/>
      <c r="N258" s="805"/>
      <c r="O258" s="314"/>
    </row>
    <row r="259" spans="1:16">
      <c r="C259" s="1491" t="s">
        <v>6</v>
      </c>
      <c r="D259" s="1491"/>
      <c r="E259" s="1491"/>
      <c r="F259" s="1491"/>
      <c r="G259" s="1491"/>
      <c r="H259" s="1491"/>
      <c r="I259" s="1491"/>
      <c r="J259" s="1491"/>
      <c r="K259" s="1491"/>
      <c r="L259" s="1491"/>
      <c r="M259" s="1491"/>
      <c r="N259" s="1491"/>
      <c r="O259" s="1491"/>
    </row>
    <row r="260" spans="1:16">
      <c r="C260" s="1491"/>
      <c r="D260" s="1491"/>
      <c r="E260" s="1491"/>
      <c r="F260" s="1491"/>
      <c r="G260" s="1491"/>
      <c r="H260" s="1491"/>
      <c r="I260" s="1491"/>
      <c r="J260" s="1491"/>
      <c r="K260" s="1491"/>
      <c r="L260" s="1491"/>
      <c r="M260" s="1491"/>
      <c r="N260" s="1491"/>
      <c r="O260" s="1491"/>
    </row>
    <row r="261" spans="1:16" ht="20.25">
      <c r="A261" s="738" t="str">
        <f>""&amp;A185&amp;" Worksheet J -  ATRR PROJECTED Calculation for PJM Projects Charged to Benefiting Zones"</f>
        <v xml:space="preserve"> Worksheet J -  ATRR PROJECTED Calculation for PJM Projects Charged to Benefiting Zones</v>
      </c>
      <c r="B261" s="348"/>
      <c r="C261" s="726"/>
      <c r="D261" s="539"/>
      <c r="E261" s="314"/>
      <c r="F261" s="708"/>
      <c r="G261" s="314"/>
      <c r="H261" s="709"/>
      <c r="K261" s="565"/>
      <c r="L261" s="565"/>
      <c r="M261" s="565"/>
      <c r="N261" s="654" t="str">
        <f>"Page "&amp;SUM(P$8:P261)&amp;" of "</f>
        <v xml:space="preserve">Page 4 of </v>
      </c>
      <c r="O261" s="655">
        <f>COUNT(P$8:P$56656)</f>
        <v>11</v>
      </c>
      <c r="P261" s="173">
        <v>1</v>
      </c>
    </row>
    <row r="262" spans="1:16">
      <c r="B262" s="348"/>
      <c r="C262" s="314"/>
      <c r="D262" s="539"/>
      <c r="E262" s="314"/>
      <c r="F262" s="314"/>
      <c r="G262" s="314"/>
      <c r="H262" s="709"/>
      <c r="I262" s="314"/>
      <c r="J262" s="426"/>
      <c r="K262" s="314"/>
      <c r="L262" s="314"/>
      <c r="M262" s="314"/>
      <c r="N262" s="314"/>
      <c r="O262" s="314"/>
    </row>
    <row r="263" spans="1:16" ht="18">
      <c r="B263" s="658" t="s">
        <v>474</v>
      </c>
      <c r="C263" s="740" t="s">
        <v>93</v>
      </c>
      <c r="D263" s="539"/>
      <c r="E263" s="314"/>
      <c r="F263" s="314"/>
      <c r="G263" s="314"/>
      <c r="H263" s="709"/>
      <c r="I263" s="709"/>
      <c r="J263" s="731"/>
      <c r="K263" s="709"/>
      <c r="L263" s="709"/>
      <c r="M263" s="709"/>
      <c r="N263" s="709"/>
      <c r="O263" s="314"/>
    </row>
    <row r="264" spans="1:16" ht="18.75">
      <c r="B264" s="658"/>
      <c r="C264" s="657"/>
      <c r="D264" s="539"/>
      <c r="E264" s="314"/>
      <c r="F264" s="314"/>
      <c r="G264" s="314"/>
      <c r="H264" s="709"/>
      <c r="I264" s="709"/>
      <c r="J264" s="731"/>
      <c r="K264" s="709"/>
      <c r="L264" s="709"/>
      <c r="M264" s="709"/>
      <c r="N264" s="709"/>
      <c r="O264" s="314"/>
    </row>
    <row r="265" spans="1:16" ht="18.75">
      <c r="B265" s="658"/>
      <c r="C265" s="657" t="s">
        <v>94</v>
      </c>
      <c r="D265" s="539"/>
      <c r="E265" s="314"/>
      <c r="F265" s="314"/>
      <c r="G265" s="314"/>
      <c r="H265" s="709"/>
      <c r="I265" s="709"/>
      <c r="J265" s="731"/>
      <c r="K265" s="709"/>
      <c r="L265" s="709"/>
      <c r="M265" s="709"/>
      <c r="N265" s="709"/>
      <c r="O265" s="314"/>
    </row>
    <row r="266" spans="1:16" ht="15.75" thickBot="1">
      <c r="C266" s="240"/>
      <c r="D266" s="539"/>
      <c r="E266" s="314"/>
      <c r="F266" s="314"/>
      <c r="G266" s="314"/>
      <c r="H266" s="709"/>
      <c r="I266" s="709"/>
      <c r="J266" s="731"/>
      <c r="K266" s="709"/>
      <c r="L266" s="709"/>
      <c r="M266" s="709"/>
      <c r="N266" s="709"/>
      <c r="O266" s="314"/>
    </row>
    <row r="267" spans="1:16" ht="15.75">
      <c r="C267" s="660" t="s">
        <v>95</v>
      </c>
      <c r="D267" s="539"/>
      <c r="E267" s="314"/>
      <c r="F267" s="314"/>
      <c r="G267" s="807"/>
      <c r="H267" s="314" t="s">
        <v>74</v>
      </c>
      <c r="I267" s="314"/>
      <c r="J267" s="426"/>
      <c r="K267" s="741" t="s">
        <v>99</v>
      </c>
      <c r="L267" s="742"/>
      <c r="M267" s="743"/>
      <c r="N267" s="744">
        <f>IF(I273=0,0,VLOOKUP(I273,C280:O339,5))</f>
        <v>658579.34236016381</v>
      </c>
      <c r="O267" s="314"/>
    </row>
    <row r="268" spans="1:16" ht="15.75">
      <c r="C268" s="660"/>
      <c r="D268" s="539"/>
      <c r="E268" s="314"/>
      <c r="F268" s="314"/>
      <c r="G268" s="314"/>
      <c r="H268" s="745"/>
      <c r="I268" s="745"/>
      <c r="J268" s="746"/>
      <c r="K268" s="747" t="s">
        <v>100</v>
      </c>
      <c r="L268" s="748"/>
      <c r="M268" s="426"/>
      <c r="N268" s="749">
        <f>IF(I273=0,0,VLOOKUP(I273,C280:O339,6))</f>
        <v>658579.34236016381</v>
      </c>
      <c r="O268" s="314"/>
    </row>
    <row r="269" spans="1:16" ht="13.5" thickBot="1">
      <c r="C269" s="750" t="s">
        <v>96</v>
      </c>
      <c r="D269" s="1489" t="s">
        <v>822</v>
      </c>
      <c r="E269" s="1489"/>
      <c r="F269" s="1489"/>
      <c r="G269" s="1489"/>
      <c r="H269" s="1489"/>
      <c r="I269" s="1489"/>
      <c r="J269" s="731"/>
      <c r="K269" s="751" t="s">
        <v>238</v>
      </c>
      <c r="L269" s="752"/>
      <c r="M269" s="752"/>
      <c r="N269" s="753">
        <f>+N268-N267</f>
        <v>0</v>
      </c>
      <c r="O269" s="314"/>
    </row>
    <row r="270" spans="1:16">
      <c r="C270" s="754"/>
      <c r="D270" s="1489"/>
      <c r="E270" s="1489"/>
      <c r="F270" s="1489"/>
      <c r="G270" s="1489"/>
      <c r="H270" s="1489"/>
      <c r="I270" s="1489"/>
      <c r="J270" s="731"/>
      <c r="K270" s="709"/>
      <c r="L270" s="709"/>
      <c r="M270" s="709"/>
      <c r="N270" s="709"/>
      <c r="O270" s="314"/>
    </row>
    <row r="271" spans="1:16" ht="13.5" thickBot="1">
      <c r="C271" s="757"/>
      <c r="D271" s="758"/>
      <c r="E271" s="756"/>
      <c r="F271" s="756"/>
      <c r="G271" s="756"/>
      <c r="H271" s="756"/>
      <c r="I271" s="756"/>
      <c r="J271" s="759"/>
      <c r="K271" s="756"/>
      <c r="L271" s="756"/>
      <c r="M271" s="756"/>
      <c r="N271" s="756"/>
      <c r="O271" s="348"/>
    </row>
    <row r="272" spans="1:16" ht="13.5" thickBot="1">
      <c r="C272" s="760" t="s">
        <v>97</v>
      </c>
      <c r="D272" s="761"/>
      <c r="E272" s="761"/>
      <c r="F272" s="761"/>
      <c r="G272" s="761"/>
      <c r="H272" s="761"/>
      <c r="I272" s="762"/>
      <c r="J272" s="763"/>
      <c r="K272" s="314"/>
      <c r="L272" s="314"/>
      <c r="M272" s="314"/>
      <c r="N272" s="314"/>
      <c r="O272" s="764"/>
    </row>
    <row r="273" spans="2:15" ht="15">
      <c r="C273" s="765" t="s">
        <v>75</v>
      </c>
      <c r="D273" s="809">
        <v>5805543</v>
      </c>
      <c r="E273" s="726" t="s">
        <v>76</v>
      </c>
      <c r="G273" s="766"/>
      <c r="H273" s="766"/>
      <c r="I273" s="767">
        <f>$L$26</f>
        <v>2021</v>
      </c>
      <c r="J273" s="555"/>
      <c r="K273" s="1490" t="s">
        <v>247</v>
      </c>
      <c r="L273" s="1490"/>
      <c r="M273" s="1490"/>
      <c r="N273" s="1490"/>
      <c r="O273" s="1490"/>
    </row>
    <row r="274" spans="2:15">
      <c r="C274" s="765" t="s">
        <v>78</v>
      </c>
      <c r="D274" s="810">
        <v>2013</v>
      </c>
      <c r="E274" s="765" t="s">
        <v>79</v>
      </c>
      <c r="F274" s="766"/>
      <c r="H274" s="173"/>
      <c r="I274" s="811">
        <f>IF(G267="",0,$F$17)</f>
        <v>0</v>
      </c>
      <c r="J274" s="768"/>
      <c r="K274" s="731" t="s">
        <v>247</v>
      </c>
    </row>
    <row r="275" spans="2:15">
      <c r="C275" s="765" t="s">
        <v>80</v>
      </c>
      <c r="D275" s="809">
        <v>12</v>
      </c>
      <c r="E275" s="765" t="s">
        <v>81</v>
      </c>
      <c r="F275" s="766"/>
      <c r="H275" s="173"/>
      <c r="I275" s="769">
        <f>$G$70</f>
        <v>0.10870318164951323</v>
      </c>
      <c r="J275" s="770"/>
      <c r="K275" s="173" t="str">
        <f>"          INPUT PROJECTED ARR (WITH &amp; WITHOUT INCENTIVES) FROM EACH PRIOR YEAR"</f>
        <v xml:space="preserve">          INPUT PROJECTED ARR (WITH &amp; WITHOUT INCENTIVES) FROM EACH PRIOR YEAR</v>
      </c>
    </row>
    <row r="276" spans="2:15">
      <c r="C276" s="765" t="s">
        <v>82</v>
      </c>
      <c r="D276" s="771">
        <f>$G$79</f>
        <v>39</v>
      </c>
      <c r="E276" s="765" t="s">
        <v>83</v>
      </c>
      <c r="F276" s="766"/>
      <c r="H276" s="173"/>
      <c r="I276" s="769">
        <f>IF(G267="",I275,$G$69)</f>
        <v>0.10870318164951323</v>
      </c>
      <c r="J276" s="772"/>
      <c r="K276" s="173" t="s">
        <v>160</v>
      </c>
    </row>
    <row r="277" spans="2:15" ht="13.5" thickBot="1">
      <c r="C277" s="765" t="s">
        <v>84</v>
      </c>
      <c r="D277" s="808" t="s">
        <v>819</v>
      </c>
      <c r="E277" s="773" t="s">
        <v>85</v>
      </c>
      <c r="F277" s="774"/>
      <c r="G277" s="775"/>
      <c r="H277" s="775"/>
      <c r="I277" s="753">
        <f>IF(D273=0,0,D273/D276)</f>
        <v>148860.07692307694</v>
      </c>
      <c r="J277" s="731"/>
      <c r="K277" s="731" t="s">
        <v>166</v>
      </c>
      <c r="L277" s="731"/>
      <c r="M277" s="731"/>
      <c r="N277" s="731"/>
      <c r="O277" s="426"/>
    </row>
    <row r="278" spans="2:15" ht="51">
      <c r="B278" s="846"/>
      <c r="C278" s="776" t="s">
        <v>75</v>
      </c>
      <c r="D278" s="777" t="s">
        <v>86</v>
      </c>
      <c r="E278" s="778" t="s">
        <v>87</v>
      </c>
      <c r="F278" s="777" t="s">
        <v>88</v>
      </c>
      <c r="G278" s="778" t="s">
        <v>159</v>
      </c>
      <c r="H278" s="779" t="s">
        <v>159</v>
      </c>
      <c r="I278" s="776" t="s">
        <v>98</v>
      </c>
      <c r="J278" s="780"/>
      <c r="K278" s="778" t="s">
        <v>168</v>
      </c>
      <c r="L278" s="781"/>
      <c r="M278" s="778" t="s">
        <v>168</v>
      </c>
      <c r="N278" s="781"/>
      <c r="O278" s="781"/>
    </row>
    <row r="279" spans="2:15" ht="13.5" thickBot="1">
      <c r="C279" s="782" t="s">
        <v>477</v>
      </c>
      <c r="D279" s="783" t="s">
        <v>478</v>
      </c>
      <c r="E279" s="782" t="s">
        <v>371</v>
      </c>
      <c r="F279" s="783" t="s">
        <v>478</v>
      </c>
      <c r="G279" s="784" t="s">
        <v>101</v>
      </c>
      <c r="H279" s="785" t="s">
        <v>103</v>
      </c>
      <c r="I279" s="786" t="s">
        <v>15</v>
      </c>
      <c r="J279" s="787"/>
      <c r="K279" s="784" t="s">
        <v>90</v>
      </c>
      <c r="L279" s="788"/>
      <c r="M279" s="784" t="s">
        <v>103</v>
      </c>
      <c r="N279" s="788"/>
      <c r="O279" s="788"/>
    </row>
    <row r="280" spans="2:15">
      <c r="C280" s="789">
        <f>IF(D274= "","-",D274)</f>
        <v>2013</v>
      </c>
      <c r="D280" s="737">
        <f>+D273</f>
        <v>5805543</v>
      </c>
      <c r="E280" s="790">
        <f>+I277/12*(12-D275)</f>
        <v>0</v>
      </c>
      <c r="F280" s="737">
        <f>+D280-E280</f>
        <v>5805543</v>
      </c>
      <c r="G280" s="999">
        <f>+$I$96*((D280+F280)/2)+E280</f>
        <v>631080.99530306004</v>
      </c>
      <c r="H280" s="1000">
        <f>$I$97*((D280+F280)/2)+E280</f>
        <v>631080.99530306004</v>
      </c>
      <c r="I280" s="793">
        <f>+H280-G280</f>
        <v>0</v>
      </c>
      <c r="J280" s="793"/>
      <c r="K280" s="812">
        <v>461439</v>
      </c>
      <c r="L280" s="794"/>
      <c r="M280" s="812">
        <v>461439</v>
      </c>
      <c r="N280" s="794"/>
      <c r="O280" s="794"/>
    </row>
    <row r="281" spans="2:15">
      <c r="C281" s="789">
        <f>IF(D274="","-",+C280+1)</f>
        <v>2014</v>
      </c>
      <c r="D281" s="737">
        <f t="shared" ref="D281:D339" si="12">F280</f>
        <v>5805543</v>
      </c>
      <c r="E281" s="790">
        <f>IF(D281&gt;$I$277,$I$277,D281)</f>
        <v>148860.07692307694</v>
      </c>
      <c r="F281" s="737">
        <f t="shared" ref="F281:F339" si="13">+D281-E281</f>
        <v>5656682.923076923</v>
      </c>
      <c r="G281" s="795">
        <f t="shared" ref="G281:G339" si="14">+$I$96*((D281+F281)/2)+E281</f>
        <v>771850.29023507214</v>
      </c>
      <c r="H281" s="796">
        <f t="shared" ref="H281:H339" si="15">$I$97*((D281+F281)/2)+E281</f>
        <v>771850.29023507214</v>
      </c>
      <c r="I281" s="793">
        <f t="shared" ref="I281:I339" si="16">+H281-G281</f>
        <v>0</v>
      </c>
      <c r="J281" s="793"/>
      <c r="K281" s="813">
        <v>626067</v>
      </c>
      <c r="L281" s="797"/>
      <c r="M281" s="813">
        <v>626067</v>
      </c>
      <c r="N281" s="797"/>
      <c r="O281" s="797"/>
    </row>
    <row r="282" spans="2:15">
      <c r="C282" s="789">
        <f>IF(D274="","-",+C281+1)</f>
        <v>2015</v>
      </c>
      <c r="D282" s="737">
        <f t="shared" si="12"/>
        <v>5656682.923076923</v>
      </c>
      <c r="E282" s="790">
        <f t="shared" ref="E282:E339" si="17">IF(D282&gt;$I$277,$I$277,D282)</f>
        <v>148860.07692307694</v>
      </c>
      <c r="F282" s="737">
        <f t="shared" si="13"/>
        <v>5507822.846153846</v>
      </c>
      <c r="G282" s="795">
        <f t="shared" si="14"/>
        <v>755668.72625294235</v>
      </c>
      <c r="H282" s="796">
        <f t="shared" si="15"/>
        <v>755668.72625294235</v>
      </c>
      <c r="I282" s="793">
        <f t="shared" si="16"/>
        <v>0</v>
      </c>
      <c r="J282" s="793"/>
      <c r="K282" s="813">
        <v>697699</v>
      </c>
      <c r="L282" s="797"/>
      <c r="M282" s="813">
        <v>697699</v>
      </c>
      <c r="N282" s="797"/>
      <c r="O282" s="797"/>
    </row>
    <row r="283" spans="2:15">
      <c r="C283" s="789">
        <f>IF(D274="","-",+C282+1)</f>
        <v>2016</v>
      </c>
      <c r="D283" s="737">
        <f t="shared" si="12"/>
        <v>5507822.846153846</v>
      </c>
      <c r="E283" s="790">
        <f t="shared" si="17"/>
        <v>148860.07692307694</v>
      </c>
      <c r="F283" s="737">
        <f t="shared" si="13"/>
        <v>5358962.769230769</v>
      </c>
      <c r="G283" s="795">
        <f t="shared" si="14"/>
        <v>739487.16227081255</v>
      </c>
      <c r="H283" s="796">
        <f t="shared" si="15"/>
        <v>739487.16227081255</v>
      </c>
      <c r="I283" s="793">
        <f t="shared" si="16"/>
        <v>0</v>
      </c>
      <c r="J283" s="793"/>
      <c r="K283" s="813">
        <v>692483</v>
      </c>
      <c r="L283" s="797"/>
      <c r="M283" s="813">
        <v>692483</v>
      </c>
      <c r="N283" s="797"/>
      <c r="O283" s="797"/>
    </row>
    <row r="284" spans="2:15">
      <c r="C284" s="789">
        <f>IF(D274="","-",+C283+1)</f>
        <v>2017</v>
      </c>
      <c r="D284" s="737">
        <f t="shared" si="12"/>
        <v>5358962.769230769</v>
      </c>
      <c r="E284" s="790">
        <f t="shared" si="17"/>
        <v>148860.07692307694</v>
      </c>
      <c r="F284" s="737">
        <f t="shared" si="13"/>
        <v>5210102.692307692</v>
      </c>
      <c r="G284" s="795">
        <f t="shared" si="14"/>
        <v>723305.59828868276</v>
      </c>
      <c r="H284" s="796">
        <f t="shared" si="15"/>
        <v>723305.59828868276</v>
      </c>
      <c r="I284" s="793">
        <f t="shared" si="16"/>
        <v>0</v>
      </c>
      <c r="J284" s="793"/>
      <c r="K284" s="813">
        <v>737310</v>
      </c>
      <c r="L284" s="797"/>
      <c r="M284" s="813">
        <v>737310</v>
      </c>
      <c r="N284" s="797"/>
      <c r="O284" s="797"/>
    </row>
    <row r="285" spans="2:15">
      <c r="C285" s="1338">
        <f>IF(D274="","-",+C284+1)</f>
        <v>2018</v>
      </c>
      <c r="D285" s="737">
        <f t="shared" si="12"/>
        <v>5210102.692307692</v>
      </c>
      <c r="E285" s="790">
        <f t="shared" si="17"/>
        <v>148860.07692307694</v>
      </c>
      <c r="F285" s="737">
        <f t="shared" si="13"/>
        <v>5061242.615384615</v>
      </c>
      <c r="G285" s="795">
        <f t="shared" si="14"/>
        <v>707124.03430655319</v>
      </c>
      <c r="H285" s="796">
        <f t="shared" si="15"/>
        <v>707124.03430655319</v>
      </c>
      <c r="I285" s="793">
        <f t="shared" si="16"/>
        <v>0</v>
      </c>
      <c r="J285" s="793"/>
      <c r="K285" s="813">
        <v>631912</v>
      </c>
      <c r="L285" s="797"/>
      <c r="M285" s="813">
        <v>631912</v>
      </c>
      <c r="N285" s="797"/>
      <c r="O285" s="797"/>
    </row>
    <row r="286" spans="2:15">
      <c r="C286" s="1316">
        <f>IF(D273="","-",+C285+1)</f>
        <v>2019</v>
      </c>
      <c r="D286" s="737">
        <f t="shared" si="12"/>
        <v>5061242.615384615</v>
      </c>
      <c r="E286" s="790">
        <f t="shared" si="17"/>
        <v>148860.07692307694</v>
      </c>
      <c r="F286" s="737">
        <f t="shared" si="13"/>
        <v>4912382.538461538</v>
      </c>
      <c r="G286" s="795">
        <f t="shared" si="14"/>
        <v>690942.47032442316</v>
      </c>
      <c r="H286" s="796">
        <f t="shared" si="15"/>
        <v>690942.47032442316</v>
      </c>
      <c r="I286" s="793">
        <f t="shared" si="16"/>
        <v>0</v>
      </c>
      <c r="J286" s="793"/>
      <c r="K286" s="813">
        <v>663515.84898093005</v>
      </c>
      <c r="L286" s="797"/>
      <c r="M286" s="813">
        <v>663515.84898093005</v>
      </c>
      <c r="N286" s="797"/>
      <c r="O286" s="797"/>
    </row>
    <row r="287" spans="2:15">
      <c r="C287" s="1316">
        <f>IF(D273="","-",+C286+1)</f>
        <v>2020</v>
      </c>
      <c r="D287" s="737">
        <f t="shared" si="12"/>
        <v>4912382.538461538</v>
      </c>
      <c r="E287" s="790">
        <f t="shared" si="17"/>
        <v>148860.07692307694</v>
      </c>
      <c r="F287" s="737">
        <f t="shared" si="13"/>
        <v>4763522.461538461</v>
      </c>
      <c r="G287" s="795">
        <f t="shared" si="14"/>
        <v>674760.9063422936</v>
      </c>
      <c r="H287" s="796">
        <f t="shared" si="15"/>
        <v>674760.9063422936</v>
      </c>
      <c r="I287" s="793">
        <f t="shared" si="16"/>
        <v>0</v>
      </c>
      <c r="J287" s="793"/>
      <c r="K287" s="813">
        <v>671524.69930000929</v>
      </c>
      <c r="L287" s="797"/>
      <c r="M287" s="1321">
        <v>671524.69930000929</v>
      </c>
      <c r="N287" s="797"/>
      <c r="O287" s="797"/>
    </row>
    <row r="288" spans="2:15">
      <c r="C288" s="1315">
        <f>IF(D274="","-",+C287+1)</f>
        <v>2021</v>
      </c>
      <c r="D288" s="737">
        <f t="shared" si="12"/>
        <v>4763522.461538461</v>
      </c>
      <c r="E288" s="790">
        <f t="shared" si="17"/>
        <v>148860.07692307694</v>
      </c>
      <c r="F288" s="737">
        <f t="shared" si="13"/>
        <v>4614662.384615384</v>
      </c>
      <c r="G288" s="795">
        <f t="shared" si="14"/>
        <v>658579.34236016381</v>
      </c>
      <c r="H288" s="796">
        <f t="shared" si="15"/>
        <v>658579.34236016381</v>
      </c>
      <c r="I288" s="793">
        <f t="shared" si="16"/>
        <v>0</v>
      </c>
      <c r="J288" s="793"/>
      <c r="K288" s="813"/>
      <c r="L288" s="797"/>
      <c r="M288" s="813"/>
      <c r="N288" s="797"/>
      <c r="O288" s="797"/>
    </row>
    <row r="289" spans="3:15">
      <c r="C289" s="789">
        <f>IF(D274="","-",+C288+1)</f>
        <v>2022</v>
      </c>
      <c r="D289" s="737">
        <f t="shared" si="12"/>
        <v>4614662.384615384</v>
      </c>
      <c r="E289" s="790">
        <f t="shared" si="17"/>
        <v>148860.07692307694</v>
      </c>
      <c r="F289" s="737">
        <f t="shared" si="13"/>
        <v>4465802.307692307</v>
      </c>
      <c r="G289" s="795">
        <f t="shared" si="14"/>
        <v>642397.77837803401</v>
      </c>
      <c r="H289" s="796">
        <f t="shared" si="15"/>
        <v>642397.77837803401</v>
      </c>
      <c r="I289" s="793">
        <f t="shared" si="16"/>
        <v>0</v>
      </c>
      <c r="J289" s="793"/>
      <c r="K289" s="813"/>
      <c r="L289" s="797"/>
      <c r="M289" s="813"/>
      <c r="N289" s="797"/>
      <c r="O289" s="797"/>
    </row>
    <row r="290" spans="3:15">
      <c r="C290" s="789">
        <f>IF(D274="","-",+C289+1)</f>
        <v>2023</v>
      </c>
      <c r="D290" s="737">
        <f t="shared" si="12"/>
        <v>4465802.307692307</v>
      </c>
      <c r="E290" s="790">
        <f t="shared" si="17"/>
        <v>148860.07692307694</v>
      </c>
      <c r="F290" s="737">
        <f t="shared" si="13"/>
        <v>4316942.2307692301</v>
      </c>
      <c r="G290" s="795">
        <f t="shared" si="14"/>
        <v>626216.21439590422</v>
      </c>
      <c r="H290" s="796">
        <f t="shared" si="15"/>
        <v>626216.21439590422</v>
      </c>
      <c r="I290" s="793">
        <f t="shared" si="16"/>
        <v>0</v>
      </c>
      <c r="J290" s="793"/>
      <c r="K290" s="813"/>
      <c r="L290" s="797"/>
      <c r="M290" s="813"/>
      <c r="N290" s="797"/>
      <c r="O290" s="797"/>
    </row>
    <row r="291" spans="3:15">
      <c r="C291" s="789">
        <f>IF(D274="","-",+C290+1)</f>
        <v>2024</v>
      </c>
      <c r="D291" s="737">
        <f t="shared" si="12"/>
        <v>4316942.2307692301</v>
      </c>
      <c r="E291" s="790">
        <f t="shared" si="17"/>
        <v>148860.07692307694</v>
      </c>
      <c r="F291" s="737">
        <f t="shared" si="13"/>
        <v>4168082.1538461531</v>
      </c>
      <c r="G291" s="795">
        <f t="shared" si="14"/>
        <v>610034.65041377465</v>
      </c>
      <c r="H291" s="796">
        <f t="shared" si="15"/>
        <v>610034.65041377465</v>
      </c>
      <c r="I291" s="793">
        <f t="shared" si="16"/>
        <v>0</v>
      </c>
      <c r="J291" s="793"/>
      <c r="K291" s="813"/>
      <c r="L291" s="797"/>
      <c r="M291" s="813"/>
      <c r="N291" s="797"/>
      <c r="O291" s="797"/>
    </row>
    <row r="292" spans="3:15">
      <c r="C292" s="789">
        <f>IF(D274="","-",+C291+1)</f>
        <v>2025</v>
      </c>
      <c r="D292" s="737">
        <f t="shared" si="12"/>
        <v>4168082.1538461531</v>
      </c>
      <c r="E292" s="790">
        <f t="shared" si="17"/>
        <v>148860.07692307694</v>
      </c>
      <c r="F292" s="737">
        <f t="shared" si="13"/>
        <v>4019222.0769230761</v>
      </c>
      <c r="G292" s="795">
        <f t="shared" si="14"/>
        <v>593853.08643164486</v>
      </c>
      <c r="H292" s="796">
        <f t="shared" si="15"/>
        <v>593853.08643164486</v>
      </c>
      <c r="I292" s="793">
        <f t="shared" si="16"/>
        <v>0</v>
      </c>
      <c r="J292" s="793"/>
      <c r="K292" s="813"/>
      <c r="L292" s="797"/>
      <c r="M292" s="813"/>
      <c r="N292" s="798"/>
      <c r="O292" s="797"/>
    </row>
    <row r="293" spans="3:15">
      <c r="C293" s="789">
        <f>IF(D274="","-",+C292+1)</f>
        <v>2026</v>
      </c>
      <c r="D293" s="737">
        <f t="shared" si="12"/>
        <v>4019222.0769230761</v>
      </c>
      <c r="E293" s="790">
        <f t="shared" si="17"/>
        <v>148860.07692307694</v>
      </c>
      <c r="F293" s="737">
        <f t="shared" si="13"/>
        <v>3870361.9999999991</v>
      </c>
      <c r="G293" s="795">
        <f t="shared" si="14"/>
        <v>577671.52244951506</v>
      </c>
      <c r="H293" s="796">
        <f t="shared" si="15"/>
        <v>577671.52244951506</v>
      </c>
      <c r="I293" s="793">
        <f t="shared" si="16"/>
        <v>0</v>
      </c>
      <c r="J293" s="793"/>
      <c r="K293" s="813"/>
      <c r="L293" s="797"/>
      <c r="M293" s="813"/>
      <c r="N293" s="797"/>
      <c r="O293" s="797"/>
    </row>
    <row r="294" spans="3:15">
      <c r="C294" s="789">
        <f>IF(D274="","-",+C293+1)</f>
        <v>2027</v>
      </c>
      <c r="D294" s="737">
        <f t="shared" si="12"/>
        <v>3870361.9999999991</v>
      </c>
      <c r="E294" s="790">
        <f t="shared" si="17"/>
        <v>148860.07692307694</v>
      </c>
      <c r="F294" s="737">
        <f t="shared" si="13"/>
        <v>3721501.9230769221</v>
      </c>
      <c r="G294" s="795">
        <f t="shared" si="14"/>
        <v>561489.95846738527</v>
      </c>
      <c r="H294" s="796">
        <f t="shared" si="15"/>
        <v>561489.95846738527</v>
      </c>
      <c r="I294" s="793">
        <f t="shared" si="16"/>
        <v>0</v>
      </c>
      <c r="J294" s="793"/>
      <c r="K294" s="813"/>
      <c r="L294" s="797"/>
      <c r="M294" s="813"/>
      <c r="N294" s="797"/>
      <c r="O294" s="797"/>
    </row>
    <row r="295" spans="3:15">
      <c r="C295" s="789">
        <f>IF(D274="","-",+C294+1)</f>
        <v>2028</v>
      </c>
      <c r="D295" s="737">
        <f t="shared" si="12"/>
        <v>3721501.9230769221</v>
      </c>
      <c r="E295" s="790">
        <f t="shared" si="17"/>
        <v>148860.07692307694</v>
      </c>
      <c r="F295" s="737">
        <f t="shared" si="13"/>
        <v>3572641.8461538451</v>
      </c>
      <c r="G295" s="795">
        <f t="shared" si="14"/>
        <v>545308.39448525547</v>
      </c>
      <c r="H295" s="796">
        <f t="shared" si="15"/>
        <v>545308.39448525547</v>
      </c>
      <c r="I295" s="793">
        <f t="shared" si="16"/>
        <v>0</v>
      </c>
      <c r="J295" s="793"/>
      <c r="K295" s="813"/>
      <c r="L295" s="797"/>
      <c r="M295" s="813"/>
      <c r="N295" s="797"/>
      <c r="O295" s="797"/>
    </row>
    <row r="296" spans="3:15">
      <c r="C296" s="789">
        <f>IF(D274="","-",+C295+1)</f>
        <v>2029</v>
      </c>
      <c r="D296" s="737">
        <f t="shared" si="12"/>
        <v>3572641.8461538451</v>
      </c>
      <c r="E296" s="790">
        <f t="shared" si="17"/>
        <v>148860.07692307694</v>
      </c>
      <c r="F296" s="737">
        <f t="shared" si="13"/>
        <v>3423781.7692307681</v>
      </c>
      <c r="G296" s="795">
        <f t="shared" si="14"/>
        <v>529126.83050312579</v>
      </c>
      <c r="H296" s="796">
        <f t="shared" si="15"/>
        <v>529126.83050312579</v>
      </c>
      <c r="I296" s="793">
        <f t="shared" si="16"/>
        <v>0</v>
      </c>
      <c r="J296" s="793"/>
      <c r="K296" s="813"/>
      <c r="L296" s="797"/>
      <c r="M296" s="813"/>
      <c r="N296" s="797"/>
      <c r="O296" s="797"/>
    </row>
    <row r="297" spans="3:15">
      <c r="C297" s="789">
        <f>IF(D274="","-",+C296+1)</f>
        <v>2030</v>
      </c>
      <c r="D297" s="737">
        <f t="shared" si="12"/>
        <v>3423781.7692307681</v>
      </c>
      <c r="E297" s="790">
        <f t="shared" si="17"/>
        <v>148860.07692307694</v>
      </c>
      <c r="F297" s="737">
        <f t="shared" si="13"/>
        <v>3274921.6923076911</v>
      </c>
      <c r="G297" s="795">
        <f t="shared" si="14"/>
        <v>512945.26652099605</v>
      </c>
      <c r="H297" s="796">
        <f t="shared" si="15"/>
        <v>512945.26652099605</v>
      </c>
      <c r="I297" s="793">
        <f t="shared" si="16"/>
        <v>0</v>
      </c>
      <c r="J297" s="793"/>
      <c r="K297" s="813"/>
      <c r="L297" s="797"/>
      <c r="M297" s="813"/>
      <c r="N297" s="797"/>
      <c r="O297" s="797"/>
    </row>
    <row r="298" spans="3:15">
      <c r="C298" s="789">
        <f>IF(D274="","-",+C297+1)</f>
        <v>2031</v>
      </c>
      <c r="D298" s="737">
        <f t="shared" si="12"/>
        <v>3274921.6923076911</v>
      </c>
      <c r="E298" s="790">
        <f t="shared" si="17"/>
        <v>148860.07692307694</v>
      </c>
      <c r="F298" s="737">
        <f t="shared" si="13"/>
        <v>3126061.6153846141</v>
      </c>
      <c r="G298" s="795">
        <f t="shared" si="14"/>
        <v>496763.70253886626</v>
      </c>
      <c r="H298" s="796">
        <f t="shared" si="15"/>
        <v>496763.70253886626</v>
      </c>
      <c r="I298" s="793">
        <f t="shared" si="16"/>
        <v>0</v>
      </c>
      <c r="J298" s="793"/>
      <c r="K298" s="813"/>
      <c r="L298" s="797"/>
      <c r="M298" s="813"/>
      <c r="N298" s="797"/>
      <c r="O298" s="797"/>
    </row>
    <row r="299" spans="3:15">
      <c r="C299" s="789">
        <f>IF(D274="","-",+C298+1)</f>
        <v>2032</v>
      </c>
      <c r="D299" s="737">
        <f t="shared" si="12"/>
        <v>3126061.6153846141</v>
      </c>
      <c r="E299" s="790">
        <f t="shared" si="17"/>
        <v>148860.07692307694</v>
      </c>
      <c r="F299" s="737">
        <f t="shared" si="13"/>
        <v>2977201.5384615371</v>
      </c>
      <c r="G299" s="795">
        <f t="shared" si="14"/>
        <v>480582.13855673652</v>
      </c>
      <c r="H299" s="796">
        <f t="shared" si="15"/>
        <v>480582.13855673652</v>
      </c>
      <c r="I299" s="793">
        <f t="shared" si="16"/>
        <v>0</v>
      </c>
      <c r="J299" s="793"/>
      <c r="K299" s="813"/>
      <c r="L299" s="797"/>
      <c r="M299" s="813"/>
      <c r="N299" s="797"/>
      <c r="O299" s="797"/>
    </row>
    <row r="300" spans="3:15">
      <c r="C300" s="789">
        <f>IF(D274="","-",+C299+1)</f>
        <v>2033</v>
      </c>
      <c r="D300" s="737">
        <f t="shared" si="12"/>
        <v>2977201.5384615371</v>
      </c>
      <c r="E300" s="790">
        <f t="shared" si="17"/>
        <v>148860.07692307694</v>
      </c>
      <c r="F300" s="737">
        <f t="shared" si="13"/>
        <v>2828341.4615384601</v>
      </c>
      <c r="G300" s="795">
        <f t="shared" si="14"/>
        <v>464400.57457460678</v>
      </c>
      <c r="H300" s="796">
        <f t="shared" si="15"/>
        <v>464400.57457460678</v>
      </c>
      <c r="I300" s="793">
        <f t="shared" si="16"/>
        <v>0</v>
      </c>
      <c r="J300" s="793"/>
      <c r="K300" s="813"/>
      <c r="L300" s="797"/>
      <c r="M300" s="813"/>
      <c r="N300" s="797"/>
      <c r="O300" s="797"/>
    </row>
    <row r="301" spans="3:15">
      <c r="C301" s="789">
        <f>IF(D274="","-",+C300+1)</f>
        <v>2034</v>
      </c>
      <c r="D301" s="737">
        <f t="shared" si="12"/>
        <v>2828341.4615384601</v>
      </c>
      <c r="E301" s="790">
        <f t="shared" si="17"/>
        <v>148860.07692307694</v>
      </c>
      <c r="F301" s="737">
        <f t="shared" si="13"/>
        <v>2679481.3846153831</v>
      </c>
      <c r="G301" s="795">
        <f t="shared" si="14"/>
        <v>448219.01059247705</v>
      </c>
      <c r="H301" s="796">
        <f t="shared" si="15"/>
        <v>448219.01059247705</v>
      </c>
      <c r="I301" s="793">
        <f t="shared" si="16"/>
        <v>0</v>
      </c>
      <c r="J301" s="793"/>
      <c r="K301" s="813"/>
      <c r="L301" s="797"/>
      <c r="M301" s="813"/>
      <c r="N301" s="797"/>
      <c r="O301" s="797"/>
    </row>
    <row r="302" spans="3:15">
      <c r="C302" s="789">
        <f>IF(D274="","-",+C301+1)</f>
        <v>2035</v>
      </c>
      <c r="D302" s="737">
        <f t="shared" si="12"/>
        <v>2679481.3846153831</v>
      </c>
      <c r="E302" s="790">
        <f t="shared" si="17"/>
        <v>148860.07692307694</v>
      </c>
      <c r="F302" s="737">
        <f t="shared" si="13"/>
        <v>2530621.3076923061</v>
      </c>
      <c r="G302" s="795">
        <f t="shared" si="14"/>
        <v>432037.44661034725</v>
      </c>
      <c r="H302" s="796">
        <f t="shared" si="15"/>
        <v>432037.44661034725</v>
      </c>
      <c r="I302" s="793">
        <f t="shared" si="16"/>
        <v>0</v>
      </c>
      <c r="J302" s="793"/>
      <c r="K302" s="813"/>
      <c r="L302" s="797"/>
      <c r="M302" s="813"/>
      <c r="N302" s="797"/>
      <c r="O302" s="797"/>
    </row>
    <row r="303" spans="3:15">
      <c r="C303" s="789">
        <f>IF(D274="","-",+C302+1)</f>
        <v>2036</v>
      </c>
      <c r="D303" s="737">
        <f t="shared" si="12"/>
        <v>2530621.3076923061</v>
      </c>
      <c r="E303" s="790">
        <f t="shared" si="17"/>
        <v>148860.07692307694</v>
      </c>
      <c r="F303" s="737">
        <f t="shared" si="13"/>
        <v>2381761.2307692291</v>
      </c>
      <c r="G303" s="795">
        <f t="shared" si="14"/>
        <v>415855.88262821751</v>
      </c>
      <c r="H303" s="796">
        <f t="shared" si="15"/>
        <v>415855.88262821751</v>
      </c>
      <c r="I303" s="793">
        <f t="shared" si="16"/>
        <v>0</v>
      </c>
      <c r="J303" s="793"/>
      <c r="K303" s="813"/>
      <c r="L303" s="797"/>
      <c r="M303" s="813"/>
      <c r="N303" s="797"/>
      <c r="O303" s="797"/>
    </row>
    <row r="304" spans="3:15">
      <c r="C304" s="789">
        <f>IF(D274="","-",+C303+1)</f>
        <v>2037</v>
      </c>
      <c r="D304" s="737">
        <f t="shared" si="12"/>
        <v>2381761.2307692291</v>
      </c>
      <c r="E304" s="790">
        <f t="shared" si="17"/>
        <v>148860.07692307694</v>
      </c>
      <c r="F304" s="737">
        <f t="shared" si="13"/>
        <v>2232901.1538461521</v>
      </c>
      <c r="G304" s="795">
        <f t="shared" si="14"/>
        <v>399674.31864608778</v>
      </c>
      <c r="H304" s="796">
        <f t="shared" si="15"/>
        <v>399674.31864608778</v>
      </c>
      <c r="I304" s="793">
        <f t="shared" si="16"/>
        <v>0</v>
      </c>
      <c r="J304" s="793"/>
      <c r="K304" s="813"/>
      <c r="L304" s="797"/>
      <c r="M304" s="813"/>
      <c r="N304" s="797"/>
      <c r="O304" s="797"/>
    </row>
    <row r="305" spans="3:15">
      <c r="C305" s="789">
        <f>IF(D274="","-",+C304+1)</f>
        <v>2038</v>
      </c>
      <c r="D305" s="737">
        <f t="shared" si="12"/>
        <v>2232901.1538461521</v>
      </c>
      <c r="E305" s="790">
        <f t="shared" si="17"/>
        <v>148860.07692307694</v>
      </c>
      <c r="F305" s="737">
        <f t="shared" si="13"/>
        <v>2084041.0769230751</v>
      </c>
      <c r="G305" s="795">
        <f t="shared" si="14"/>
        <v>383492.75466395798</v>
      </c>
      <c r="H305" s="796">
        <f t="shared" si="15"/>
        <v>383492.75466395798</v>
      </c>
      <c r="I305" s="793">
        <f t="shared" si="16"/>
        <v>0</v>
      </c>
      <c r="J305" s="793"/>
      <c r="K305" s="813"/>
      <c r="L305" s="797"/>
      <c r="M305" s="813"/>
      <c r="N305" s="797"/>
      <c r="O305" s="797"/>
    </row>
    <row r="306" spans="3:15">
      <c r="C306" s="789">
        <f>IF(D274="","-",+C305+1)</f>
        <v>2039</v>
      </c>
      <c r="D306" s="737">
        <f t="shared" si="12"/>
        <v>2084041.0769230751</v>
      </c>
      <c r="E306" s="790">
        <f t="shared" si="17"/>
        <v>148860.07692307694</v>
      </c>
      <c r="F306" s="737">
        <f t="shared" si="13"/>
        <v>1935180.9999999981</v>
      </c>
      <c r="G306" s="795">
        <f t="shared" si="14"/>
        <v>367311.1906818283</v>
      </c>
      <c r="H306" s="796">
        <f t="shared" si="15"/>
        <v>367311.1906818283</v>
      </c>
      <c r="I306" s="793">
        <f t="shared" si="16"/>
        <v>0</v>
      </c>
      <c r="J306" s="793"/>
      <c r="K306" s="813"/>
      <c r="L306" s="797"/>
      <c r="M306" s="813"/>
      <c r="N306" s="797"/>
      <c r="O306" s="797"/>
    </row>
    <row r="307" spans="3:15">
      <c r="C307" s="789">
        <f>IF(D274="","-",+C306+1)</f>
        <v>2040</v>
      </c>
      <c r="D307" s="737">
        <f t="shared" si="12"/>
        <v>1935180.9999999981</v>
      </c>
      <c r="E307" s="790">
        <f t="shared" si="17"/>
        <v>148860.07692307694</v>
      </c>
      <c r="F307" s="737">
        <f t="shared" si="13"/>
        <v>1786320.9230769211</v>
      </c>
      <c r="G307" s="795">
        <f t="shared" si="14"/>
        <v>351129.62669969851</v>
      </c>
      <c r="H307" s="796">
        <f t="shared" si="15"/>
        <v>351129.62669969851</v>
      </c>
      <c r="I307" s="793">
        <f t="shared" si="16"/>
        <v>0</v>
      </c>
      <c r="J307" s="793"/>
      <c r="K307" s="813"/>
      <c r="L307" s="797"/>
      <c r="M307" s="813"/>
      <c r="N307" s="797"/>
      <c r="O307" s="797"/>
    </row>
    <row r="308" spans="3:15">
      <c r="C308" s="789">
        <f>IF(D274="","-",+C307+1)</f>
        <v>2041</v>
      </c>
      <c r="D308" s="737">
        <f t="shared" si="12"/>
        <v>1786320.9230769211</v>
      </c>
      <c r="E308" s="790">
        <f t="shared" si="17"/>
        <v>148860.07692307694</v>
      </c>
      <c r="F308" s="737">
        <f t="shared" si="13"/>
        <v>1637460.8461538441</v>
      </c>
      <c r="G308" s="791">
        <f t="shared" si="14"/>
        <v>334948.06271756877</v>
      </c>
      <c r="H308" s="796">
        <f t="shared" si="15"/>
        <v>334948.06271756877</v>
      </c>
      <c r="I308" s="793">
        <f t="shared" si="16"/>
        <v>0</v>
      </c>
      <c r="J308" s="793"/>
      <c r="K308" s="813"/>
      <c r="L308" s="797"/>
      <c r="M308" s="813"/>
      <c r="N308" s="797"/>
      <c r="O308" s="797"/>
    </row>
    <row r="309" spans="3:15">
      <c r="C309" s="789">
        <f>IF(D274="","-",+C308+1)</f>
        <v>2042</v>
      </c>
      <c r="D309" s="737">
        <f t="shared" si="12"/>
        <v>1637460.8461538441</v>
      </c>
      <c r="E309" s="790">
        <f t="shared" si="17"/>
        <v>148860.07692307694</v>
      </c>
      <c r="F309" s="737">
        <f t="shared" si="13"/>
        <v>1488600.7692307672</v>
      </c>
      <c r="G309" s="795">
        <f t="shared" si="14"/>
        <v>318766.49873543903</v>
      </c>
      <c r="H309" s="796">
        <f t="shared" si="15"/>
        <v>318766.49873543903</v>
      </c>
      <c r="I309" s="793">
        <f t="shared" si="16"/>
        <v>0</v>
      </c>
      <c r="J309" s="793"/>
      <c r="K309" s="813"/>
      <c r="L309" s="797"/>
      <c r="M309" s="813"/>
      <c r="N309" s="797"/>
      <c r="O309" s="797"/>
    </row>
    <row r="310" spans="3:15">
      <c r="C310" s="789">
        <f>IF(D274="","-",+C309+1)</f>
        <v>2043</v>
      </c>
      <c r="D310" s="737">
        <f t="shared" si="12"/>
        <v>1488600.7692307672</v>
      </c>
      <c r="E310" s="790">
        <f t="shared" si="17"/>
        <v>148860.07692307694</v>
      </c>
      <c r="F310" s="737">
        <f t="shared" si="13"/>
        <v>1339740.6923076902</v>
      </c>
      <c r="G310" s="795">
        <f t="shared" si="14"/>
        <v>302584.93475330924</v>
      </c>
      <c r="H310" s="796">
        <f t="shared" si="15"/>
        <v>302584.93475330924</v>
      </c>
      <c r="I310" s="793">
        <f t="shared" si="16"/>
        <v>0</v>
      </c>
      <c r="J310" s="793"/>
      <c r="K310" s="813"/>
      <c r="L310" s="797"/>
      <c r="M310" s="813"/>
      <c r="N310" s="797"/>
      <c r="O310" s="797"/>
    </row>
    <row r="311" spans="3:15">
      <c r="C311" s="789">
        <f>IF(D274="","-",+C310+1)</f>
        <v>2044</v>
      </c>
      <c r="D311" s="737">
        <f t="shared" si="12"/>
        <v>1339740.6923076902</v>
      </c>
      <c r="E311" s="790">
        <f t="shared" si="17"/>
        <v>148860.07692307694</v>
      </c>
      <c r="F311" s="737">
        <f t="shared" si="13"/>
        <v>1190880.6153846132</v>
      </c>
      <c r="G311" s="795">
        <f t="shared" si="14"/>
        <v>286403.37077117956</v>
      </c>
      <c r="H311" s="796">
        <f t="shared" si="15"/>
        <v>286403.37077117956</v>
      </c>
      <c r="I311" s="793">
        <f t="shared" si="16"/>
        <v>0</v>
      </c>
      <c r="J311" s="793"/>
      <c r="K311" s="813"/>
      <c r="L311" s="797"/>
      <c r="M311" s="813"/>
      <c r="N311" s="797"/>
      <c r="O311" s="797"/>
    </row>
    <row r="312" spans="3:15">
      <c r="C312" s="789">
        <f>IF(D274="","-",+C311+1)</f>
        <v>2045</v>
      </c>
      <c r="D312" s="737">
        <f t="shared" si="12"/>
        <v>1190880.6153846132</v>
      </c>
      <c r="E312" s="790">
        <f t="shared" si="17"/>
        <v>148860.07692307694</v>
      </c>
      <c r="F312" s="737">
        <f t="shared" si="13"/>
        <v>1042020.5384615362</v>
      </c>
      <c r="G312" s="795">
        <f t="shared" si="14"/>
        <v>270221.80678904976</v>
      </c>
      <c r="H312" s="796">
        <f t="shared" si="15"/>
        <v>270221.80678904976</v>
      </c>
      <c r="I312" s="793">
        <f t="shared" si="16"/>
        <v>0</v>
      </c>
      <c r="J312" s="793"/>
      <c r="K312" s="813"/>
      <c r="L312" s="797"/>
      <c r="M312" s="813"/>
      <c r="N312" s="797"/>
      <c r="O312" s="797"/>
    </row>
    <row r="313" spans="3:15">
      <c r="C313" s="789">
        <f>IF(D274="","-",+C312+1)</f>
        <v>2046</v>
      </c>
      <c r="D313" s="737">
        <f t="shared" si="12"/>
        <v>1042020.5384615362</v>
      </c>
      <c r="E313" s="790">
        <f t="shared" si="17"/>
        <v>148860.07692307694</v>
      </c>
      <c r="F313" s="737">
        <f t="shared" si="13"/>
        <v>893160.46153845917</v>
      </c>
      <c r="G313" s="795">
        <f t="shared" si="14"/>
        <v>254040.24280692003</v>
      </c>
      <c r="H313" s="796">
        <f t="shared" si="15"/>
        <v>254040.24280692003</v>
      </c>
      <c r="I313" s="793">
        <f t="shared" si="16"/>
        <v>0</v>
      </c>
      <c r="J313" s="793"/>
      <c r="K313" s="813"/>
      <c r="L313" s="797"/>
      <c r="M313" s="813"/>
      <c r="N313" s="797"/>
      <c r="O313" s="797"/>
    </row>
    <row r="314" spans="3:15">
      <c r="C314" s="789">
        <f>IF(D274="","-",+C313+1)</f>
        <v>2047</v>
      </c>
      <c r="D314" s="737">
        <f t="shared" si="12"/>
        <v>893160.46153845917</v>
      </c>
      <c r="E314" s="790">
        <f t="shared" si="17"/>
        <v>148860.07692307694</v>
      </c>
      <c r="F314" s="737">
        <f t="shared" si="13"/>
        <v>744300.38461538218</v>
      </c>
      <c r="G314" s="795">
        <f t="shared" si="14"/>
        <v>237858.67882479026</v>
      </c>
      <c r="H314" s="796">
        <f t="shared" si="15"/>
        <v>237858.67882479026</v>
      </c>
      <c r="I314" s="793">
        <f t="shared" si="16"/>
        <v>0</v>
      </c>
      <c r="J314" s="793"/>
      <c r="K314" s="813"/>
      <c r="L314" s="797"/>
      <c r="M314" s="813"/>
      <c r="N314" s="797"/>
      <c r="O314" s="797"/>
    </row>
    <row r="315" spans="3:15">
      <c r="C315" s="789">
        <f>IF(D274="","-",+C314+1)</f>
        <v>2048</v>
      </c>
      <c r="D315" s="737">
        <f t="shared" si="12"/>
        <v>744300.38461538218</v>
      </c>
      <c r="E315" s="790">
        <f t="shared" si="17"/>
        <v>148860.07692307694</v>
      </c>
      <c r="F315" s="737">
        <f t="shared" si="13"/>
        <v>595440.30769230518</v>
      </c>
      <c r="G315" s="795">
        <f t="shared" si="14"/>
        <v>221677.11484266049</v>
      </c>
      <c r="H315" s="796">
        <f t="shared" si="15"/>
        <v>221677.11484266049</v>
      </c>
      <c r="I315" s="793">
        <f t="shared" si="16"/>
        <v>0</v>
      </c>
      <c r="J315" s="793"/>
      <c r="K315" s="813"/>
      <c r="L315" s="797"/>
      <c r="M315" s="813"/>
      <c r="N315" s="797"/>
      <c r="O315" s="797"/>
    </row>
    <row r="316" spans="3:15">
      <c r="C316" s="789">
        <f>IF(D274="","-",+C315+1)</f>
        <v>2049</v>
      </c>
      <c r="D316" s="737">
        <f t="shared" si="12"/>
        <v>595440.30769230518</v>
      </c>
      <c r="E316" s="790">
        <f t="shared" si="17"/>
        <v>148860.07692307694</v>
      </c>
      <c r="F316" s="737">
        <f t="shared" si="13"/>
        <v>446580.23076922825</v>
      </c>
      <c r="G316" s="795">
        <f t="shared" si="14"/>
        <v>205495.55086053076</v>
      </c>
      <c r="H316" s="796">
        <f t="shared" si="15"/>
        <v>205495.55086053076</v>
      </c>
      <c r="I316" s="793">
        <f t="shared" si="16"/>
        <v>0</v>
      </c>
      <c r="J316" s="793"/>
      <c r="K316" s="813"/>
      <c r="L316" s="797"/>
      <c r="M316" s="813"/>
      <c r="N316" s="797"/>
      <c r="O316" s="797"/>
    </row>
    <row r="317" spans="3:15">
      <c r="C317" s="789">
        <f>IF(D274="","-",+C316+1)</f>
        <v>2050</v>
      </c>
      <c r="D317" s="737">
        <f t="shared" si="12"/>
        <v>446580.23076922825</v>
      </c>
      <c r="E317" s="790">
        <f t="shared" si="17"/>
        <v>148860.07692307694</v>
      </c>
      <c r="F317" s="737">
        <f t="shared" si="13"/>
        <v>297720.15384615131</v>
      </c>
      <c r="G317" s="795">
        <f t="shared" si="14"/>
        <v>189313.98687840102</v>
      </c>
      <c r="H317" s="796">
        <f t="shared" si="15"/>
        <v>189313.98687840102</v>
      </c>
      <c r="I317" s="793">
        <f t="shared" si="16"/>
        <v>0</v>
      </c>
      <c r="J317" s="793"/>
      <c r="K317" s="813"/>
      <c r="L317" s="797"/>
      <c r="M317" s="813"/>
      <c r="N317" s="797"/>
      <c r="O317" s="797"/>
    </row>
    <row r="318" spans="3:15">
      <c r="C318" s="789">
        <f>IF(D274="","-",+C317+1)</f>
        <v>2051</v>
      </c>
      <c r="D318" s="737">
        <f t="shared" si="12"/>
        <v>297720.15384615131</v>
      </c>
      <c r="E318" s="790">
        <f t="shared" si="17"/>
        <v>148860.07692307694</v>
      </c>
      <c r="F318" s="737">
        <f t="shared" si="13"/>
        <v>148860.07692307438</v>
      </c>
      <c r="G318" s="795">
        <f t="shared" si="14"/>
        <v>173132.42289627128</v>
      </c>
      <c r="H318" s="796">
        <f t="shared" si="15"/>
        <v>173132.42289627128</v>
      </c>
      <c r="I318" s="793">
        <f t="shared" si="16"/>
        <v>0</v>
      </c>
      <c r="J318" s="793"/>
      <c r="K318" s="813"/>
      <c r="L318" s="797"/>
      <c r="M318" s="813"/>
      <c r="N318" s="797"/>
      <c r="O318" s="797"/>
    </row>
    <row r="319" spans="3:15">
      <c r="C319" s="789">
        <f>IF(D274="","-",+C318+1)</f>
        <v>2052</v>
      </c>
      <c r="D319" s="737">
        <f t="shared" si="12"/>
        <v>148860.07692307438</v>
      </c>
      <c r="E319" s="790">
        <f t="shared" si="17"/>
        <v>148860.07692307438</v>
      </c>
      <c r="F319" s="737">
        <f t="shared" si="13"/>
        <v>0</v>
      </c>
      <c r="G319" s="795">
        <f t="shared" si="14"/>
        <v>156950.8589141391</v>
      </c>
      <c r="H319" s="796">
        <f t="shared" si="15"/>
        <v>156950.8589141391</v>
      </c>
      <c r="I319" s="793">
        <f t="shared" si="16"/>
        <v>0</v>
      </c>
      <c r="J319" s="793"/>
      <c r="K319" s="813"/>
      <c r="L319" s="797"/>
      <c r="M319" s="813"/>
      <c r="N319" s="797"/>
      <c r="O319" s="797"/>
    </row>
    <row r="320" spans="3:15">
      <c r="C320" s="789">
        <f>IF(D274="","-",+C319+1)</f>
        <v>2053</v>
      </c>
      <c r="D320" s="737">
        <f t="shared" si="12"/>
        <v>0</v>
      </c>
      <c r="E320" s="790">
        <f t="shared" si="17"/>
        <v>0</v>
      </c>
      <c r="F320" s="737">
        <f t="shared" si="13"/>
        <v>0</v>
      </c>
      <c r="G320" s="795">
        <f t="shared" si="14"/>
        <v>0</v>
      </c>
      <c r="H320" s="796">
        <f t="shared" si="15"/>
        <v>0</v>
      </c>
      <c r="I320" s="793">
        <f t="shared" si="16"/>
        <v>0</v>
      </c>
      <c r="J320" s="793"/>
      <c r="K320" s="813"/>
      <c r="L320" s="797"/>
      <c r="M320" s="813"/>
      <c r="N320" s="797"/>
      <c r="O320" s="797"/>
    </row>
    <row r="321" spans="3:15">
      <c r="C321" s="789">
        <f>IF(D274="","-",+C320+1)</f>
        <v>2054</v>
      </c>
      <c r="D321" s="737">
        <f t="shared" si="12"/>
        <v>0</v>
      </c>
      <c r="E321" s="790">
        <f t="shared" si="17"/>
        <v>0</v>
      </c>
      <c r="F321" s="737">
        <f t="shared" si="13"/>
        <v>0</v>
      </c>
      <c r="G321" s="795">
        <f t="shared" si="14"/>
        <v>0</v>
      </c>
      <c r="H321" s="796">
        <f t="shared" si="15"/>
        <v>0</v>
      </c>
      <c r="I321" s="793">
        <f t="shared" si="16"/>
        <v>0</v>
      </c>
      <c r="J321" s="793"/>
      <c r="K321" s="813"/>
      <c r="L321" s="797"/>
      <c r="M321" s="813"/>
      <c r="N321" s="797"/>
      <c r="O321" s="797"/>
    </row>
    <row r="322" spans="3:15">
      <c r="C322" s="789">
        <f>IF(D274="","-",+C321+1)</f>
        <v>2055</v>
      </c>
      <c r="D322" s="737">
        <f t="shared" si="12"/>
        <v>0</v>
      </c>
      <c r="E322" s="790">
        <f t="shared" si="17"/>
        <v>0</v>
      </c>
      <c r="F322" s="737">
        <f t="shared" si="13"/>
        <v>0</v>
      </c>
      <c r="G322" s="795">
        <f t="shared" si="14"/>
        <v>0</v>
      </c>
      <c r="H322" s="796">
        <f t="shared" si="15"/>
        <v>0</v>
      </c>
      <c r="I322" s="793">
        <f t="shared" si="16"/>
        <v>0</v>
      </c>
      <c r="J322" s="793"/>
      <c r="K322" s="813"/>
      <c r="L322" s="797"/>
      <c r="M322" s="813"/>
      <c r="N322" s="797"/>
      <c r="O322" s="797"/>
    </row>
    <row r="323" spans="3:15">
      <c r="C323" s="789">
        <f>IF(D274="","-",+C322+1)</f>
        <v>2056</v>
      </c>
      <c r="D323" s="737">
        <f t="shared" si="12"/>
        <v>0</v>
      </c>
      <c r="E323" s="790">
        <f t="shared" si="17"/>
        <v>0</v>
      </c>
      <c r="F323" s="737">
        <f t="shared" si="13"/>
        <v>0</v>
      </c>
      <c r="G323" s="795">
        <f t="shared" si="14"/>
        <v>0</v>
      </c>
      <c r="H323" s="796">
        <f t="shared" si="15"/>
        <v>0</v>
      </c>
      <c r="I323" s="793">
        <f t="shared" si="16"/>
        <v>0</v>
      </c>
      <c r="J323" s="793"/>
      <c r="K323" s="813"/>
      <c r="L323" s="797"/>
      <c r="M323" s="813"/>
      <c r="N323" s="797"/>
      <c r="O323" s="797"/>
    </row>
    <row r="324" spans="3:15">
      <c r="C324" s="789">
        <f>IF(D274="","-",+C323+1)</f>
        <v>2057</v>
      </c>
      <c r="D324" s="737">
        <f t="shared" si="12"/>
        <v>0</v>
      </c>
      <c r="E324" s="790">
        <f t="shared" si="17"/>
        <v>0</v>
      </c>
      <c r="F324" s="737">
        <f t="shared" si="13"/>
        <v>0</v>
      </c>
      <c r="G324" s="795">
        <f t="shared" si="14"/>
        <v>0</v>
      </c>
      <c r="H324" s="796">
        <f t="shared" si="15"/>
        <v>0</v>
      </c>
      <c r="I324" s="793">
        <f t="shared" si="16"/>
        <v>0</v>
      </c>
      <c r="J324" s="793"/>
      <c r="K324" s="813"/>
      <c r="L324" s="797"/>
      <c r="M324" s="813"/>
      <c r="N324" s="797"/>
      <c r="O324" s="797"/>
    </row>
    <row r="325" spans="3:15">
      <c r="C325" s="789">
        <f>IF(D274="","-",+C324+1)</f>
        <v>2058</v>
      </c>
      <c r="D325" s="737">
        <f t="shared" si="12"/>
        <v>0</v>
      </c>
      <c r="E325" s="790">
        <f t="shared" si="17"/>
        <v>0</v>
      </c>
      <c r="F325" s="737">
        <f t="shared" si="13"/>
        <v>0</v>
      </c>
      <c r="G325" s="795">
        <f t="shared" si="14"/>
        <v>0</v>
      </c>
      <c r="H325" s="796">
        <f t="shared" si="15"/>
        <v>0</v>
      </c>
      <c r="I325" s="793">
        <f t="shared" si="16"/>
        <v>0</v>
      </c>
      <c r="J325" s="793"/>
      <c r="K325" s="813"/>
      <c r="L325" s="797"/>
      <c r="M325" s="813"/>
      <c r="N325" s="797"/>
      <c r="O325" s="797"/>
    </row>
    <row r="326" spans="3:15">
      <c r="C326" s="789">
        <f>IF(D274="","-",+C325+1)</f>
        <v>2059</v>
      </c>
      <c r="D326" s="737">
        <f t="shared" si="12"/>
        <v>0</v>
      </c>
      <c r="E326" s="790">
        <f t="shared" si="17"/>
        <v>0</v>
      </c>
      <c r="F326" s="737">
        <f t="shared" si="13"/>
        <v>0</v>
      </c>
      <c r="G326" s="795">
        <f t="shared" si="14"/>
        <v>0</v>
      </c>
      <c r="H326" s="796">
        <f t="shared" si="15"/>
        <v>0</v>
      </c>
      <c r="I326" s="793">
        <f t="shared" si="16"/>
        <v>0</v>
      </c>
      <c r="J326" s="793"/>
      <c r="K326" s="813"/>
      <c r="L326" s="797"/>
      <c r="M326" s="813"/>
      <c r="N326" s="797"/>
      <c r="O326" s="797"/>
    </row>
    <row r="327" spans="3:15">
      <c r="C327" s="789">
        <f>IF(D274="","-",+C326+1)</f>
        <v>2060</v>
      </c>
      <c r="D327" s="737">
        <f t="shared" si="12"/>
        <v>0</v>
      </c>
      <c r="E327" s="790">
        <f t="shared" si="17"/>
        <v>0</v>
      </c>
      <c r="F327" s="737">
        <f t="shared" si="13"/>
        <v>0</v>
      </c>
      <c r="G327" s="795">
        <f t="shared" si="14"/>
        <v>0</v>
      </c>
      <c r="H327" s="796">
        <f t="shared" si="15"/>
        <v>0</v>
      </c>
      <c r="I327" s="793">
        <f t="shared" si="16"/>
        <v>0</v>
      </c>
      <c r="J327" s="793"/>
      <c r="K327" s="813"/>
      <c r="L327" s="797"/>
      <c r="M327" s="813"/>
      <c r="N327" s="797"/>
      <c r="O327" s="797"/>
    </row>
    <row r="328" spans="3:15">
      <c r="C328" s="789">
        <f>IF(D274="","-",+C327+1)</f>
        <v>2061</v>
      </c>
      <c r="D328" s="737">
        <f t="shared" si="12"/>
        <v>0</v>
      </c>
      <c r="E328" s="790">
        <f t="shared" si="17"/>
        <v>0</v>
      </c>
      <c r="F328" s="737">
        <f t="shared" si="13"/>
        <v>0</v>
      </c>
      <c r="G328" s="795">
        <f t="shared" si="14"/>
        <v>0</v>
      </c>
      <c r="H328" s="796">
        <f t="shared" si="15"/>
        <v>0</v>
      </c>
      <c r="I328" s="793">
        <f t="shared" si="16"/>
        <v>0</v>
      </c>
      <c r="J328" s="793"/>
      <c r="K328" s="813"/>
      <c r="L328" s="797"/>
      <c r="M328" s="813"/>
      <c r="N328" s="797"/>
      <c r="O328" s="797"/>
    </row>
    <row r="329" spans="3:15">
      <c r="C329" s="789">
        <f>IF(D274="","-",+C328+1)</f>
        <v>2062</v>
      </c>
      <c r="D329" s="737">
        <f t="shared" si="12"/>
        <v>0</v>
      </c>
      <c r="E329" s="790">
        <f t="shared" si="17"/>
        <v>0</v>
      </c>
      <c r="F329" s="737">
        <f t="shared" si="13"/>
        <v>0</v>
      </c>
      <c r="G329" s="795">
        <f t="shared" si="14"/>
        <v>0</v>
      </c>
      <c r="H329" s="796">
        <f t="shared" si="15"/>
        <v>0</v>
      </c>
      <c r="I329" s="793">
        <f t="shared" si="16"/>
        <v>0</v>
      </c>
      <c r="J329" s="793"/>
      <c r="K329" s="813"/>
      <c r="L329" s="797"/>
      <c r="M329" s="813"/>
      <c r="N329" s="797"/>
      <c r="O329" s="797"/>
    </row>
    <row r="330" spans="3:15">
      <c r="C330" s="789">
        <f>IF(D274="","-",+C329+1)</f>
        <v>2063</v>
      </c>
      <c r="D330" s="737">
        <f t="shared" si="12"/>
        <v>0</v>
      </c>
      <c r="E330" s="790">
        <f t="shared" si="17"/>
        <v>0</v>
      </c>
      <c r="F330" s="737">
        <f t="shared" si="13"/>
        <v>0</v>
      </c>
      <c r="G330" s="795">
        <f t="shared" si="14"/>
        <v>0</v>
      </c>
      <c r="H330" s="796">
        <f t="shared" si="15"/>
        <v>0</v>
      </c>
      <c r="I330" s="793">
        <f t="shared" si="16"/>
        <v>0</v>
      </c>
      <c r="J330" s="793"/>
      <c r="K330" s="813"/>
      <c r="L330" s="797"/>
      <c r="M330" s="813"/>
      <c r="N330" s="797"/>
      <c r="O330" s="797"/>
    </row>
    <row r="331" spans="3:15">
      <c r="C331" s="789">
        <f>IF(D274="","-",+C330+1)</f>
        <v>2064</v>
      </c>
      <c r="D331" s="737">
        <f t="shared" si="12"/>
        <v>0</v>
      </c>
      <c r="E331" s="790">
        <f t="shared" si="17"/>
        <v>0</v>
      </c>
      <c r="F331" s="737">
        <f t="shared" si="13"/>
        <v>0</v>
      </c>
      <c r="G331" s="795">
        <f t="shared" si="14"/>
        <v>0</v>
      </c>
      <c r="H331" s="796">
        <f t="shared" si="15"/>
        <v>0</v>
      </c>
      <c r="I331" s="793">
        <f t="shared" si="16"/>
        <v>0</v>
      </c>
      <c r="J331" s="793"/>
      <c r="K331" s="813"/>
      <c r="L331" s="797"/>
      <c r="M331" s="813"/>
      <c r="N331" s="797"/>
      <c r="O331" s="797"/>
    </row>
    <row r="332" spans="3:15">
      <c r="C332" s="789">
        <f>IF(D274="","-",+C331+1)</f>
        <v>2065</v>
      </c>
      <c r="D332" s="737">
        <f t="shared" si="12"/>
        <v>0</v>
      </c>
      <c r="E332" s="790">
        <f t="shared" si="17"/>
        <v>0</v>
      </c>
      <c r="F332" s="737">
        <f t="shared" si="13"/>
        <v>0</v>
      </c>
      <c r="G332" s="795">
        <f t="shared" si="14"/>
        <v>0</v>
      </c>
      <c r="H332" s="796">
        <f t="shared" si="15"/>
        <v>0</v>
      </c>
      <c r="I332" s="793">
        <f t="shared" si="16"/>
        <v>0</v>
      </c>
      <c r="J332" s="793"/>
      <c r="K332" s="813"/>
      <c r="L332" s="797"/>
      <c r="M332" s="813"/>
      <c r="N332" s="797"/>
      <c r="O332" s="797"/>
    </row>
    <row r="333" spans="3:15">
      <c r="C333" s="789">
        <f>IF(D274="","-",+C332+1)</f>
        <v>2066</v>
      </c>
      <c r="D333" s="737">
        <f t="shared" si="12"/>
        <v>0</v>
      </c>
      <c r="E333" s="790">
        <f t="shared" si="17"/>
        <v>0</v>
      </c>
      <c r="F333" s="737">
        <f t="shared" si="13"/>
        <v>0</v>
      </c>
      <c r="G333" s="795">
        <f t="shared" si="14"/>
        <v>0</v>
      </c>
      <c r="H333" s="796">
        <f t="shared" si="15"/>
        <v>0</v>
      </c>
      <c r="I333" s="793">
        <f t="shared" si="16"/>
        <v>0</v>
      </c>
      <c r="J333" s="793"/>
      <c r="K333" s="813"/>
      <c r="L333" s="797"/>
      <c r="M333" s="813"/>
      <c r="N333" s="797"/>
      <c r="O333" s="797"/>
    </row>
    <row r="334" spans="3:15">
      <c r="C334" s="789">
        <f>IF(D274="","-",+C333+1)</f>
        <v>2067</v>
      </c>
      <c r="D334" s="737">
        <f t="shared" si="12"/>
        <v>0</v>
      </c>
      <c r="E334" s="790">
        <f t="shared" si="17"/>
        <v>0</v>
      </c>
      <c r="F334" s="737">
        <f t="shared" si="13"/>
        <v>0</v>
      </c>
      <c r="G334" s="795">
        <f t="shared" si="14"/>
        <v>0</v>
      </c>
      <c r="H334" s="796">
        <f t="shared" si="15"/>
        <v>0</v>
      </c>
      <c r="I334" s="793">
        <f t="shared" si="16"/>
        <v>0</v>
      </c>
      <c r="J334" s="793"/>
      <c r="K334" s="813"/>
      <c r="L334" s="797"/>
      <c r="M334" s="813"/>
      <c r="N334" s="797"/>
      <c r="O334" s="797"/>
    </row>
    <row r="335" spans="3:15">
      <c r="C335" s="789">
        <f>IF(D274="","-",+C334+1)</f>
        <v>2068</v>
      </c>
      <c r="D335" s="737">
        <f t="shared" si="12"/>
        <v>0</v>
      </c>
      <c r="E335" s="790">
        <f t="shared" si="17"/>
        <v>0</v>
      </c>
      <c r="F335" s="737">
        <f t="shared" si="13"/>
        <v>0</v>
      </c>
      <c r="G335" s="795">
        <f t="shared" si="14"/>
        <v>0</v>
      </c>
      <c r="H335" s="796">
        <f t="shared" si="15"/>
        <v>0</v>
      </c>
      <c r="I335" s="793">
        <f t="shared" si="16"/>
        <v>0</v>
      </c>
      <c r="J335" s="793"/>
      <c r="K335" s="813"/>
      <c r="L335" s="797"/>
      <c r="M335" s="813"/>
      <c r="N335" s="797"/>
      <c r="O335" s="797"/>
    </row>
    <row r="336" spans="3:15">
      <c r="C336" s="789">
        <f>IF(D274="","-",+C335+1)</f>
        <v>2069</v>
      </c>
      <c r="D336" s="737">
        <f t="shared" si="12"/>
        <v>0</v>
      </c>
      <c r="E336" s="790">
        <f t="shared" si="17"/>
        <v>0</v>
      </c>
      <c r="F336" s="737">
        <f t="shared" si="13"/>
        <v>0</v>
      </c>
      <c r="G336" s="795">
        <f t="shared" si="14"/>
        <v>0</v>
      </c>
      <c r="H336" s="796">
        <f t="shared" si="15"/>
        <v>0</v>
      </c>
      <c r="I336" s="793">
        <f t="shared" si="16"/>
        <v>0</v>
      </c>
      <c r="J336" s="793"/>
      <c r="K336" s="813"/>
      <c r="L336" s="797"/>
      <c r="M336" s="813"/>
      <c r="N336" s="797"/>
      <c r="O336" s="797"/>
    </row>
    <row r="337" spans="1:16">
      <c r="C337" s="789">
        <f>IF(D274="","-",+C336+1)</f>
        <v>2070</v>
      </c>
      <c r="D337" s="737">
        <f t="shared" si="12"/>
        <v>0</v>
      </c>
      <c r="E337" s="790">
        <f t="shared" si="17"/>
        <v>0</v>
      </c>
      <c r="F337" s="737">
        <f t="shared" si="13"/>
        <v>0</v>
      </c>
      <c r="G337" s="795">
        <f t="shared" si="14"/>
        <v>0</v>
      </c>
      <c r="H337" s="796">
        <f t="shared" si="15"/>
        <v>0</v>
      </c>
      <c r="I337" s="793">
        <f t="shared" si="16"/>
        <v>0</v>
      </c>
      <c r="J337" s="793"/>
      <c r="K337" s="813"/>
      <c r="L337" s="797"/>
      <c r="M337" s="813"/>
      <c r="N337" s="797"/>
      <c r="O337" s="797"/>
    </row>
    <row r="338" spans="1:16">
      <c r="C338" s="789">
        <f>IF(D274="","-",+C337+1)</f>
        <v>2071</v>
      </c>
      <c r="D338" s="737">
        <f t="shared" si="12"/>
        <v>0</v>
      </c>
      <c r="E338" s="790">
        <f t="shared" si="17"/>
        <v>0</v>
      </c>
      <c r="F338" s="737">
        <f t="shared" si="13"/>
        <v>0</v>
      </c>
      <c r="G338" s="795">
        <f t="shared" si="14"/>
        <v>0</v>
      </c>
      <c r="H338" s="796">
        <f t="shared" si="15"/>
        <v>0</v>
      </c>
      <c r="I338" s="793">
        <f t="shared" si="16"/>
        <v>0</v>
      </c>
      <c r="J338" s="793"/>
      <c r="K338" s="813"/>
      <c r="L338" s="797"/>
      <c r="M338" s="813"/>
      <c r="N338" s="797"/>
      <c r="O338" s="797"/>
    </row>
    <row r="339" spans="1:16" ht="13.5" thickBot="1">
      <c r="C339" s="799">
        <f>IF(D274="","-",+C338+1)</f>
        <v>2072</v>
      </c>
      <c r="D339" s="800">
        <f t="shared" si="12"/>
        <v>0</v>
      </c>
      <c r="E339" s="801">
        <f t="shared" si="17"/>
        <v>0</v>
      </c>
      <c r="F339" s="800">
        <f t="shared" si="13"/>
        <v>0</v>
      </c>
      <c r="G339" s="802">
        <f t="shared" si="14"/>
        <v>0</v>
      </c>
      <c r="H339" s="802">
        <f t="shared" si="15"/>
        <v>0</v>
      </c>
      <c r="I339" s="803">
        <f t="shared" si="16"/>
        <v>0</v>
      </c>
      <c r="J339" s="793"/>
      <c r="K339" s="814"/>
      <c r="L339" s="804"/>
      <c r="M339" s="814"/>
      <c r="N339" s="804"/>
      <c r="O339" s="804"/>
    </row>
    <row r="340" spans="1:16">
      <c r="C340" s="737" t="s">
        <v>91</v>
      </c>
      <c r="D340" s="731"/>
      <c r="E340" s="731">
        <f>SUM(E280:E339)</f>
        <v>5805542.9999999991</v>
      </c>
      <c r="F340" s="731"/>
      <c r="G340" s="731">
        <f>SUM(G280:G339)</f>
        <v>18742703.40371272</v>
      </c>
      <c r="H340" s="731">
        <f>SUM(H280:H339)</f>
        <v>18742703.40371272</v>
      </c>
      <c r="I340" s="731">
        <f>SUM(I280:I339)</f>
        <v>0</v>
      </c>
      <c r="J340" s="731"/>
      <c r="K340" s="731"/>
      <c r="L340" s="731"/>
      <c r="M340" s="731"/>
      <c r="N340" s="731"/>
      <c r="O340" s="314"/>
    </row>
    <row r="341" spans="1:16">
      <c r="D341" s="539"/>
      <c r="E341" s="314"/>
      <c r="F341" s="314"/>
      <c r="G341" s="314"/>
      <c r="H341" s="709"/>
      <c r="I341" s="709"/>
      <c r="J341" s="731"/>
      <c r="K341" s="709"/>
      <c r="L341" s="709"/>
      <c r="M341" s="709"/>
      <c r="N341" s="709"/>
      <c r="O341" s="314"/>
    </row>
    <row r="342" spans="1:16">
      <c r="C342" s="314" t="s">
        <v>13</v>
      </c>
      <c r="D342" s="539"/>
      <c r="E342" s="314"/>
      <c r="F342" s="314"/>
      <c r="G342" s="314"/>
      <c r="H342" s="709"/>
      <c r="I342" s="709"/>
      <c r="J342" s="731"/>
      <c r="K342" s="709"/>
      <c r="L342" s="709"/>
      <c r="M342" s="709"/>
      <c r="N342" s="709"/>
      <c r="O342" s="314"/>
    </row>
    <row r="343" spans="1:16">
      <c r="C343" s="314"/>
      <c r="D343" s="539"/>
      <c r="E343" s="314"/>
      <c r="F343" s="314"/>
      <c r="G343" s="314"/>
      <c r="H343" s="709"/>
      <c r="I343" s="709"/>
      <c r="J343" s="731"/>
      <c r="K343" s="709"/>
      <c r="L343" s="709"/>
      <c r="M343" s="709"/>
      <c r="N343" s="709"/>
      <c r="O343" s="314"/>
    </row>
    <row r="344" spans="1:16">
      <c r="C344" s="750" t="s">
        <v>14</v>
      </c>
      <c r="D344" s="737"/>
      <c r="E344" s="737"/>
      <c r="F344" s="737"/>
      <c r="G344" s="731"/>
      <c r="H344" s="731"/>
      <c r="I344" s="805"/>
      <c r="J344" s="805"/>
      <c r="K344" s="805"/>
      <c r="L344" s="805"/>
      <c r="M344" s="805"/>
      <c r="N344" s="805"/>
      <c r="O344" s="314"/>
    </row>
    <row r="345" spans="1:16">
      <c r="C345" s="736" t="s">
        <v>271</v>
      </c>
      <c r="D345" s="737"/>
      <c r="E345" s="737"/>
      <c r="F345" s="737"/>
      <c r="G345" s="731"/>
      <c r="H345" s="731"/>
      <c r="I345" s="805"/>
      <c r="J345" s="805"/>
      <c r="K345" s="805"/>
      <c r="L345" s="805"/>
      <c r="M345" s="805"/>
      <c r="N345" s="805"/>
      <c r="O345" s="314"/>
    </row>
    <row r="346" spans="1:16">
      <c r="C346" s="736" t="s">
        <v>92</v>
      </c>
      <c r="D346" s="737"/>
      <c r="E346" s="737"/>
      <c r="F346" s="737"/>
      <c r="G346" s="731"/>
      <c r="H346" s="731"/>
      <c r="I346" s="805"/>
      <c r="J346" s="805"/>
      <c r="K346" s="805"/>
      <c r="L346" s="805"/>
      <c r="M346" s="805"/>
      <c r="N346" s="805"/>
      <c r="O346" s="314"/>
    </row>
    <row r="347" spans="1:16">
      <c r="C347" s="736"/>
      <c r="D347" s="737"/>
      <c r="E347" s="737"/>
      <c r="F347" s="737"/>
      <c r="G347" s="731"/>
      <c r="H347" s="731"/>
      <c r="I347" s="805"/>
      <c r="J347" s="805"/>
      <c r="K347" s="805"/>
      <c r="L347" s="805"/>
      <c r="M347" s="805"/>
      <c r="N347" s="805"/>
      <c r="O347" s="314"/>
    </row>
    <row r="348" spans="1:16">
      <c r="C348" s="1491" t="s">
        <v>6</v>
      </c>
      <c r="D348" s="1491"/>
      <c r="E348" s="1491"/>
      <c r="F348" s="1491"/>
      <c r="G348" s="1491"/>
      <c r="H348" s="1491"/>
      <c r="I348" s="1491"/>
      <c r="J348" s="1491"/>
      <c r="K348" s="1491"/>
      <c r="L348" s="1491"/>
      <c r="M348" s="1491"/>
      <c r="N348" s="1491"/>
      <c r="O348" s="1491"/>
    </row>
    <row r="349" spans="1:16">
      <c r="C349" s="1491"/>
      <c r="D349" s="1491"/>
      <c r="E349" s="1491"/>
      <c r="F349" s="1491"/>
      <c r="G349" s="1491"/>
      <c r="H349" s="1491"/>
      <c r="I349" s="1491"/>
      <c r="J349" s="1491"/>
      <c r="K349" s="1491"/>
      <c r="L349" s="1491"/>
      <c r="M349" s="1491"/>
      <c r="N349" s="1491"/>
      <c r="O349" s="1491"/>
    </row>
    <row r="350" spans="1:16" ht="20.25">
      <c r="A350" s="738" t="str">
        <f>""&amp;A274&amp;" Worksheet J -  ATRR PROJECTED Calculation for PJM Projects Charged to Benefiting Zones"</f>
        <v xml:space="preserve"> Worksheet J -  ATRR PROJECTED Calculation for PJM Projects Charged to Benefiting Zones</v>
      </c>
      <c r="B350" s="348"/>
      <c r="C350" s="726"/>
      <c r="D350" s="539"/>
      <c r="E350" s="314"/>
      <c r="F350" s="708"/>
      <c r="G350" s="314"/>
      <c r="H350" s="709"/>
      <c r="K350" s="565"/>
      <c r="L350" s="565"/>
      <c r="M350" s="565"/>
      <c r="N350" s="654" t="str">
        <f>"Page "&amp;SUM(P$8:P350)&amp;" of "</f>
        <v xml:space="preserve">Page 5 of </v>
      </c>
      <c r="O350" s="655">
        <f>COUNT(P$8:P$56656)</f>
        <v>11</v>
      </c>
      <c r="P350" s="173">
        <v>1</v>
      </c>
    </row>
    <row r="351" spans="1:16">
      <c r="B351" s="348"/>
      <c r="C351" s="314"/>
      <c r="D351" s="539"/>
      <c r="E351" s="314"/>
      <c r="F351" s="314"/>
      <c r="G351" s="314"/>
      <c r="H351" s="709"/>
      <c r="I351" s="314"/>
      <c r="J351" s="426"/>
      <c r="K351" s="314"/>
      <c r="L351" s="314"/>
      <c r="M351" s="314"/>
      <c r="N351" s="314"/>
      <c r="O351" s="314"/>
    </row>
    <row r="352" spans="1:16" ht="18">
      <c r="B352" s="658" t="s">
        <v>474</v>
      </c>
      <c r="C352" s="740" t="s">
        <v>93</v>
      </c>
      <c r="D352" s="539"/>
      <c r="E352" s="314"/>
      <c r="F352" s="314"/>
      <c r="G352" s="314"/>
      <c r="H352" s="709"/>
      <c r="I352" s="709"/>
      <c r="J352" s="731"/>
      <c r="K352" s="709"/>
      <c r="L352" s="709"/>
      <c r="M352" s="709"/>
      <c r="N352" s="709"/>
      <c r="O352" s="314"/>
    </row>
    <row r="353" spans="2:15" ht="18.75">
      <c r="B353" s="658"/>
      <c r="C353" s="657"/>
      <c r="D353" s="539"/>
      <c r="E353" s="314"/>
      <c r="F353" s="314"/>
      <c r="G353" s="314"/>
      <c r="H353" s="709"/>
      <c r="I353" s="709"/>
      <c r="J353" s="731"/>
      <c r="K353" s="709"/>
      <c r="L353" s="709"/>
      <c r="M353" s="709"/>
      <c r="N353" s="709"/>
      <c r="O353" s="314"/>
    </row>
    <row r="354" spans="2:15" ht="18.75">
      <c r="B354" s="658"/>
      <c r="C354" s="657" t="s">
        <v>94</v>
      </c>
      <c r="D354" s="539"/>
      <c r="E354" s="314"/>
      <c r="F354" s="314"/>
      <c r="G354" s="314"/>
      <c r="H354" s="709"/>
      <c r="I354" s="709"/>
      <c r="J354" s="731"/>
      <c r="K354" s="709"/>
      <c r="L354" s="709"/>
      <c r="M354" s="709"/>
      <c r="N354" s="709"/>
      <c r="O354" s="314"/>
    </row>
    <row r="355" spans="2:15" ht="15.75" thickBot="1">
      <c r="C355" s="240"/>
      <c r="D355" s="539"/>
      <c r="E355" s="314"/>
      <c r="F355" s="314"/>
      <c r="G355" s="314"/>
      <c r="H355" s="709"/>
      <c r="I355" s="709"/>
      <c r="J355" s="731"/>
      <c r="K355" s="709"/>
      <c r="L355" s="709"/>
      <c r="M355" s="709"/>
      <c r="N355" s="709"/>
      <c r="O355" s="314"/>
    </row>
    <row r="356" spans="2:15" ht="15.75">
      <c r="C356" s="660" t="s">
        <v>95</v>
      </c>
      <c r="D356" s="539"/>
      <c r="E356" s="314"/>
      <c r="F356" s="314"/>
      <c r="G356" s="807"/>
      <c r="H356" s="314" t="s">
        <v>74</v>
      </c>
      <c r="I356" s="314"/>
      <c r="J356" s="426"/>
      <c r="K356" s="741" t="s">
        <v>99</v>
      </c>
      <c r="L356" s="742"/>
      <c r="M356" s="743"/>
      <c r="N356" s="744">
        <f>IF(I362=0,0,VLOOKUP(I362,C369:O428,5))</f>
        <v>7012207.6163820876</v>
      </c>
      <c r="O356" s="314"/>
    </row>
    <row r="357" spans="2:15" ht="15.75">
      <c r="C357" s="660"/>
      <c r="D357" s="539"/>
      <c r="E357" s="314"/>
      <c r="F357" s="314"/>
      <c r="G357" s="314"/>
      <c r="H357" s="745"/>
      <c r="I357" s="745"/>
      <c r="J357" s="746"/>
      <c r="K357" s="747" t="s">
        <v>100</v>
      </c>
      <c r="L357" s="748"/>
      <c r="M357" s="426"/>
      <c r="N357" s="749">
        <f>IF(I362=0,0,VLOOKUP(I362,C369:O428,6))</f>
        <v>7012207.6163820876</v>
      </c>
      <c r="O357" s="314"/>
    </row>
    <row r="358" spans="2:15" ht="13.5" thickBot="1">
      <c r="C358" s="750" t="s">
        <v>96</v>
      </c>
      <c r="D358" s="1489" t="s">
        <v>823</v>
      </c>
      <c r="E358" s="1489"/>
      <c r="F358" s="1489"/>
      <c r="G358" s="1489"/>
      <c r="H358" s="1489"/>
      <c r="I358" s="1489"/>
      <c r="J358" s="731"/>
      <c r="K358" s="751" t="s">
        <v>238</v>
      </c>
      <c r="L358" s="752"/>
      <c r="M358" s="752"/>
      <c r="N358" s="753">
        <f>+N357-N356</f>
        <v>0</v>
      </c>
      <c r="O358" s="314"/>
    </row>
    <row r="359" spans="2:15">
      <c r="C359" s="754"/>
      <c r="D359" s="1489"/>
      <c r="E359" s="1489"/>
      <c r="F359" s="1489"/>
      <c r="G359" s="1489"/>
      <c r="H359" s="1489"/>
      <c r="I359" s="1489"/>
      <c r="J359" s="731"/>
      <c r="K359" s="709"/>
      <c r="L359" s="709"/>
      <c r="M359" s="709"/>
      <c r="N359" s="709"/>
      <c r="O359" s="314"/>
    </row>
    <row r="360" spans="2:15" ht="13.5" thickBot="1">
      <c r="C360" s="757"/>
      <c r="D360" s="758"/>
      <c r="E360" s="756"/>
      <c r="F360" s="756"/>
      <c r="G360" s="756"/>
      <c r="H360" s="756"/>
      <c r="I360" s="756"/>
      <c r="J360" s="759"/>
      <c r="K360" s="756"/>
      <c r="L360" s="756"/>
      <c r="M360" s="756"/>
      <c r="N360" s="756"/>
      <c r="O360" s="348"/>
    </row>
    <row r="361" spans="2:15" ht="13.5" thickBot="1">
      <c r="C361" s="760" t="s">
        <v>97</v>
      </c>
      <c r="D361" s="761"/>
      <c r="E361" s="761"/>
      <c r="F361" s="761"/>
      <c r="G361" s="761"/>
      <c r="H361" s="761"/>
      <c r="I361" s="762"/>
      <c r="J361" s="763"/>
      <c r="K361" s="314"/>
      <c r="L361" s="314"/>
      <c r="M361" s="314"/>
      <c r="N361" s="314"/>
      <c r="O361" s="764"/>
    </row>
    <row r="362" spans="2:15" ht="15">
      <c r="C362" s="765" t="s">
        <v>75</v>
      </c>
      <c r="D362" s="809">
        <v>60574103.230000004</v>
      </c>
      <c r="E362" s="726" t="s">
        <v>76</v>
      </c>
      <c r="G362" s="766"/>
      <c r="H362" s="766"/>
      <c r="I362" s="767">
        <f>$L$26</f>
        <v>2021</v>
      </c>
      <c r="J362" s="555"/>
      <c r="K362" s="1490" t="s">
        <v>247</v>
      </c>
      <c r="L362" s="1490"/>
      <c r="M362" s="1490"/>
      <c r="N362" s="1490"/>
      <c r="O362" s="1490"/>
    </row>
    <row r="363" spans="2:15">
      <c r="C363" s="765" t="s">
        <v>78</v>
      </c>
      <c r="D363" s="810">
        <v>2014</v>
      </c>
      <c r="E363" s="765" t="s">
        <v>79</v>
      </c>
      <c r="F363" s="766"/>
      <c r="H363" s="173"/>
      <c r="I363" s="811">
        <f>IF(G356="",0,$F$17)</f>
        <v>0</v>
      </c>
      <c r="J363" s="768"/>
      <c r="K363" s="731" t="s">
        <v>247</v>
      </c>
    </row>
    <row r="364" spans="2:15">
      <c r="C364" s="765" t="s">
        <v>80</v>
      </c>
      <c r="D364" s="809">
        <v>10</v>
      </c>
      <c r="E364" s="765" t="s">
        <v>81</v>
      </c>
      <c r="F364" s="766"/>
      <c r="H364" s="173"/>
      <c r="I364" s="769">
        <f>$G$70</f>
        <v>0.10870318164951323</v>
      </c>
      <c r="J364" s="770"/>
      <c r="K364" s="173" t="str">
        <f>"          INPUT PROJECTED ARR (WITH &amp; WITHOUT INCENTIVES) FROM EACH PRIOR YEAR"</f>
        <v xml:space="preserve">          INPUT PROJECTED ARR (WITH &amp; WITHOUT INCENTIVES) FROM EACH PRIOR YEAR</v>
      </c>
    </row>
    <row r="365" spans="2:15">
      <c r="C365" s="765" t="s">
        <v>82</v>
      </c>
      <c r="D365" s="771">
        <f>$G$79</f>
        <v>39</v>
      </c>
      <c r="E365" s="765" t="s">
        <v>83</v>
      </c>
      <c r="F365" s="766"/>
      <c r="H365" s="173"/>
      <c r="I365" s="769">
        <f>IF(G356="",I364,$G$69)</f>
        <v>0.10870318164951323</v>
      </c>
      <c r="J365" s="772"/>
      <c r="K365" s="173" t="s">
        <v>160</v>
      </c>
    </row>
    <row r="366" spans="2:15" ht="13.5" thickBot="1">
      <c r="C366" s="765" t="s">
        <v>84</v>
      </c>
      <c r="D366" s="808" t="s">
        <v>819</v>
      </c>
      <c r="E366" s="773" t="s">
        <v>85</v>
      </c>
      <c r="F366" s="774"/>
      <c r="G366" s="775"/>
      <c r="H366" s="775"/>
      <c r="I366" s="753">
        <f>IF(D362=0,0,D362/D365)</f>
        <v>1553182.1341025643</v>
      </c>
      <c r="J366" s="731"/>
      <c r="K366" s="731" t="s">
        <v>166</v>
      </c>
      <c r="L366" s="731"/>
      <c r="M366" s="731"/>
      <c r="N366" s="731"/>
      <c r="O366" s="426"/>
    </row>
    <row r="367" spans="2:15" ht="51">
      <c r="B367" s="846"/>
      <c r="C367" s="776" t="s">
        <v>75</v>
      </c>
      <c r="D367" s="777" t="s">
        <v>86</v>
      </c>
      <c r="E367" s="778" t="s">
        <v>87</v>
      </c>
      <c r="F367" s="777" t="s">
        <v>88</v>
      </c>
      <c r="G367" s="778" t="s">
        <v>159</v>
      </c>
      <c r="H367" s="779" t="s">
        <v>159</v>
      </c>
      <c r="I367" s="776" t="s">
        <v>98</v>
      </c>
      <c r="J367" s="780"/>
      <c r="K367" s="778" t="s">
        <v>168</v>
      </c>
      <c r="L367" s="781"/>
      <c r="M367" s="778" t="s">
        <v>168</v>
      </c>
      <c r="N367" s="781"/>
      <c r="O367" s="781"/>
    </row>
    <row r="368" spans="2:15" ht="13.5" thickBot="1">
      <c r="C368" s="782" t="s">
        <v>477</v>
      </c>
      <c r="D368" s="783" t="s">
        <v>478</v>
      </c>
      <c r="E368" s="782" t="s">
        <v>371</v>
      </c>
      <c r="F368" s="783" t="s">
        <v>478</v>
      </c>
      <c r="G368" s="784" t="s">
        <v>101</v>
      </c>
      <c r="H368" s="785" t="s">
        <v>103</v>
      </c>
      <c r="I368" s="786" t="s">
        <v>15</v>
      </c>
      <c r="J368" s="787"/>
      <c r="K368" s="784" t="s">
        <v>90</v>
      </c>
      <c r="L368" s="788"/>
      <c r="M368" s="784" t="s">
        <v>103</v>
      </c>
      <c r="N368" s="788"/>
      <c r="O368" s="788"/>
    </row>
    <row r="369" spans="3:15">
      <c r="C369" s="789">
        <f>IF(D363= "","-",D363)</f>
        <v>2014</v>
      </c>
      <c r="D369" s="737">
        <f>+D362</f>
        <v>60574103.230000004</v>
      </c>
      <c r="E369" s="790">
        <f>+I366/12*(12-D364)</f>
        <v>258863.68901709406</v>
      </c>
      <c r="F369" s="737">
        <f>+D369-E369</f>
        <v>60315239.54098291</v>
      </c>
      <c r="G369" s="999">
        <f>+$I$96*((D369+F369)/2)+E369</f>
        <v>6829391.7823793069</v>
      </c>
      <c r="H369" s="1000">
        <f>$I$97*((D369+F369)/2)+E369</f>
        <v>6829391.7823793069</v>
      </c>
      <c r="I369" s="793">
        <f>+H369-G369</f>
        <v>0</v>
      </c>
      <c r="J369" s="793"/>
      <c r="K369" s="812" t="s">
        <v>824</v>
      </c>
      <c r="L369" s="794"/>
      <c r="M369" s="812" t="s">
        <v>825</v>
      </c>
      <c r="N369" s="794"/>
      <c r="O369" s="794"/>
    </row>
    <row r="370" spans="3:15">
      <c r="C370" s="789">
        <f>IF(D363="","-",+C369+1)</f>
        <v>2015</v>
      </c>
      <c r="D370" s="737">
        <f t="shared" ref="D370:D428" si="18">F369</f>
        <v>60315239.54098291</v>
      </c>
      <c r="E370" s="790">
        <f>IF(D370&gt;$I$366,$I$366,D370)</f>
        <v>1553182.1341025643</v>
      </c>
      <c r="F370" s="737">
        <f t="shared" ref="F370:F428" si="19">+D370-E370</f>
        <v>58762057.406880349</v>
      </c>
      <c r="G370" s="795">
        <f t="shared" ref="G370:G428" si="20">+$I$96*((D370+F370)/2)+E370</f>
        <v>8025222.6543308673</v>
      </c>
      <c r="H370" s="796">
        <f t="shared" ref="H370:H428" si="21">$I$97*((D370+F370)/2)+E370</f>
        <v>8025222.6543308673</v>
      </c>
      <c r="I370" s="793">
        <f t="shared" ref="I370:I428" si="22">+H370-G370</f>
        <v>0</v>
      </c>
      <c r="J370" s="793"/>
      <c r="K370" s="813">
        <v>1745562</v>
      </c>
      <c r="L370" s="797"/>
      <c r="M370" s="813">
        <v>1745562</v>
      </c>
      <c r="N370" s="797"/>
      <c r="O370" s="797"/>
    </row>
    <row r="371" spans="3:15">
      <c r="C371" s="789">
        <f>IF(D363="","-",+C370+1)</f>
        <v>2016</v>
      </c>
      <c r="D371" s="737">
        <f t="shared" si="18"/>
        <v>58762057.406880349</v>
      </c>
      <c r="E371" s="790">
        <f t="shared" ref="E371:E428" si="23">IF(D371&gt;$I$366,$I$366,D371)</f>
        <v>1553182.1341025643</v>
      </c>
      <c r="F371" s="737">
        <f t="shared" si="19"/>
        <v>57208875.272777781</v>
      </c>
      <c r="G371" s="795">
        <f t="shared" si="20"/>
        <v>7856386.8146727383</v>
      </c>
      <c r="H371" s="796">
        <f t="shared" si="21"/>
        <v>7856386.8146727383</v>
      </c>
      <c r="I371" s="793">
        <f t="shared" si="22"/>
        <v>0</v>
      </c>
      <c r="J371" s="793"/>
      <c r="K371" s="813">
        <v>1596924</v>
      </c>
      <c r="L371" s="797"/>
      <c r="M371" s="813">
        <v>1596924</v>
      </c>
      <c r="N371" s="797"/>
      <c r="O371" s="797"/>
    </row>
    <row r="372" spans="3:15">
      <c r="C372" s="789">
        <f>IF(D363="","-",+C371+1)</f>
        <v>2017</v>
      </c>
      <c r="D372" s="737">
        <f t="shared" si="18"/>
        <v>57208875.272777781</v>
      </c>
      <c r="E372" s="790">
        <f t="shared" si="23"/>
        <v>1553182.1341025643</v>
      </c>
      <c r="F372" s="737">
        <f t="shared" si="19"/>
        <v>55655693.138675213</v>
      </c>
      <c r="G372" s="795">
        <f t="shared" si="20"/>
        <v>7687550.9750146084</v>
      </c>
      <c r="H372" s="796">
        <f t="shared" si="21"/>
        <v>7687550.9750146084</v>
      </c>
      <c r="I372" s="793">
        <f t="shared" si="22"/>
        <v>0</v>
      </c>
      <c r="J372" s="793"/>
      <c r="K372" s="813">
        <v>8620533</v>
      </c>
      <c r="L372" s="797"/>
      <c r="M372" s="813">
        <v>8620533</v>
      </c>
      <c r="N372" s="797"/>
      <c r="O372" s="797"/>
    </row>
    <row r="373" spans="3:15">
      <c r="C373" s="1338">
        <f>IF(D363="","-",+C372+1)</f>
        <v>2018</v>
      </c>
      <c r="D373" s="737">
        <f t="shared" si="18"/>
        <v>55655693.138675213</v>
      </c>
      <c r="E373" s="790">
        <f t="shared" si="23"/>
        <v>1553182.1341025643</v>
      </c>
      <c r="F373" s="737">
        <f t="shared" si="19"/>
        <v>54102511.004572645</v>
      </c>
      <c r="G373" s="795">
        <f t="shared" si="20"/>
        <v>7518715.1353564784</v>
      </c>
      <c r="H373" s="796">
        <f t="shared" si="21"/>
        <v>7518715.1353564784</v>
      </c>
      <c r="I373" s="793">
        <f t="shared" si="22"/>
        <v>0</v>
      </c>
      <c r="J373" s="793"/>
      <c r="K373" s="813">
        <v>6863859</v>
      </c>
      <c r="L373" s="797"/>
      <c r="M373" s="813">
        <v>6863859</v>
      </c>
      <c r="N373" s="797"/>
      <c r="O373" s="797"/>
    </row>
    <row r="374" spans="3:15">
      <c r="C374" s="1338">
        <f>IF(D364="","-",+C373+1)</f>
        <v>2019</v>
      </c>
      <c r="D374" s="737">
        <f t="shared" si="18"/>
        <v>54102511.004572645</v>
      </c>
      <c r="E374" s="790">
        <f t="shared" si="23"/>
        <v>1553182.1341025643</v>
      </c>
      <c r="F374" s="737">
        <f t="shared" si="19"/>
        <v>52549328.870470077</v>
      </c>
      <c r="G374" s="795">
        <f t="shared" si="20"/>
        <v>7349879.2956983484</v>
      </c>
      <c r="H374" s="796">
        <f t="shared" si="21"/>
        <v>7349879.2956983484</v>
      </c>
      <c r="I374" s="793">
        <f t="shared" si="22"/>
        <v>0</v>
      </c>
      <c r="J374" s="793"/>
      <c r="K374" s="813">
        <v>7470796.186183935</v>
      </c>
      <c r="L374" s="797"/>
      <c r="M374" s="813">
        <v>7470796.186183935</v>
      </c>
      <c r="N374" s="797"/>
      <c r="O374" s="797"/>
    </row>
    <row r="375" spans="3:15">
      <c r="C375" s="1338">
        <f>IF(D365="","-",+C374+1)</f>
        <v>2020</v>
      </c>
      <c r="D375" s="737">
        <f t="shared" si="18"/>
        <v>52549328.870470077</v>
      </c>
      <c r="E375" s="790">
        <f t="shared" si="23"/>
        <v>1553182.1341025643</v>
      </c>
      <c r="F375" s="737">
        <f t="shared" si="19"/>
        <v>50996146.736367509</v>
      </c>
      <c r="G375" s="795">
        <f t="shared" si="20"/>
        <v>7181043.4560402175</v>
      </c>
      <c r="H375" s="796">
        <f t="shared" si="21"/>
        <v>7181043.4560402175</v>
      </c>
      <c r="I375" s="793">
        <f t="shared" si="22"/>
        <v>0</v>
      </c>
      <c r="J375" s="793"/>
      <c r="K375" s="813">
        <v>7563743.814107067</v>
      </c>
      <c r="L375" s="797"/>
      <c r="M375" s="1321">
        <v>7563743.814107067</v>
      </c>
      <c r="N375" s="797"/>
      <c r="O375" s="797"/>
    </row>
    <row r="376" spans="3:15">
      <c r="C376" s="1315">
        <f>IF(D366="","-",+C375+1)</f>
        <v>2021</v>
      </c>
      <c r="D376" s="737">
        <f t="shared" si="18"/>
        <v>50996146.736367509</v>
      </c>
      <c r="E376" s="790">
        <f t="shared" si="23"/>
        <v>1553182.1341025643</v>
      </c>
      <c r="F376" s="737">
        <f t="shared" si="19"/>
        <v>49442964.602264941</v>
      </c>
      <c r="G376" s="795">
        <f t="shared" si="20"/>
        <v>7012207.6163820876</v>
      </c>
      <c r="H376" s="796">
        <f t="shared" si="21"/>
        <v>7012207.6163820876</v>
      </c>
      <c r="I376" s="793">
        <f t="shared" si="22"/>
        <v>0</v>
      </c>
      <c r="J376" s="793"/>
      <c r="K376" s="813"/>
      <c r="L376" s="797"/>
      <c r="M376" s="813"/>
      <c r="N376" s="797"/>
      <c r="O376" s="797"/>
    </row>
    <row r="377" spans="3:15">
      <c r="C377" s="1338">
        <f>IF(D367="","-",+C376+1)</f>
        <v>2022</v>
      </c>
      <c r="D377" s="737">
        <f t="shared" si="18"/>
        <v>49442964.602264941</v>
      </c>
      <c r="E377" s="790">
        <f t="shared" si="23"/>
        <v>1553182.1341025643</v>
      </c>
      <c r="F377" s="737">
        <f t="shared" si="19"/>
        <v>47889782.468162373</v>
      </c>
      <c r="G377" s="795">
        <f t="shared" si="20"/>
        <v>6843371.7767239576</v>
      </c>
      <c r="H377" s="796">
        <f t="shared" si="21"/>
        <v>6843371.7767239576</v>
      </c>
      <c r="I377" s="793">
        <f t="shared" si="22"/>
        <v>0</v>
      </c>
      <c r="J377" s="793"/>
      <c r="K377" s="813"/>
      <c r="L377" s="797"/>
      <c r="M377" s="813"/>
      <c r="N377" s="797"/>
      <c r="O377" s="797"/>
    </row>
    <row r="378" spans="3:15">
      <c r="C378" s="789">
        <f>IF(D363="","-",+C377+1)</f>
        <v>2023</v>
      </c>
      <c r="D378" s="737">
        <f t="shared" si="18"/>
        <v>47889782.468162373</v>
      </c>
      <c r="E378" s="790">
        <f t="shared" si="23"/>
        <v>1553182.1341025643</v>
      </c>
      <c r="F378" s="737">
        <f t="shared" si="19"/>
        <v>46336600.334059805</v>
      </c>
      <c r="G378" s="795">
        <f t="shared" si="20"/>
        <v>6674535.9370658277</v>
      </c>
      <c r="H378" s="796">
        <f t="shared" si="21"/>
        <v>6674535.9370658277</v>
      </c>
      <c r="I378" s="793">
        <f t="shared" si="22"/>
        <v>0</v>
      </c>
      <c r="J378" s="793"/>
      <c r="K378" s="813"/>
      <c r="L378" s="797"/>
      <c r="M378" s="813"/>
      <c r="N378" s="797"/>
      <c r="O378" s="797"/>
    </row>
    <row r="379" spans="3:15">
      <c r="C379" s="789">
        <f>IF(D363="","-",+C378+1)</f>
        <v>2024</v>
      </c>
      <c r="D379" s="737">
        <f t="shared" si="18"/>
        <v>46336600.334059805</v>
      </c>
      <c r="E379" s="790">
        <f t="shared" si="23"/>
        <v>1553182.1341025643</v>
      </c>
      <c r="F379" s="737">
        <f t="shared" si="19"/>
        <v>44783418.199957237</v>
      </c>
      <c r="G379" s="795">
        <f t="shared" si="20"/>
        <v>6505700.0974076977</v>
      </c>
      <c r="H379" s="796">
        <f t="shared" si="21"/>
        <v>6505700.0974076977</v>
      </c>
      <c r="I379" s="793">
        <f t="shared" si="22"/>
        <v>0</v>
      </c>
      <c r="J379" s="793"/>
      <c r="K379" s="813"/>
      <c r="L379" s="797"/>
      <c r="M379" s="813"/>
      <c r="N379" s="797"/>
      <c r="O379" s="797"/>
    </row>
    <row r="380" spans="3:15">
      <c r="C380" s="789">
        <f>IF(D363="","-",+C379+1)</f>
        <v>2025</v>
      </c>
      <c r="D380" s="737">
        <f t="shared" si="18"/>
        <v>44783418.199957237</v>
      </c>
      <c r="E380" s="790">
        <f t="shared" si="23"/>
        <v>1553182.1341025643</v>
      </c>
      <c r="F380" s="737">
        <f t="shared" si="19"/>
        <v>43230236.065854669</v>
      </c>
      <c r="G380" s="795">
        <f t="shared" si="20"/>
        <v>6336864.2577495677</v>
      </c>
      <c r="H380" s="796">
        <f t="shared" si="21"/>
        <v>6336864.2577495677</v>
      </c>
      <c r="I380" s="793">
        <f t="shared" si="22"/>
        <v>0</v>
      </c>
      <c r="J380" s="793"/>
      <c r="K380" s="813"/>
      <c r="L380" s="797"/>
      <c r="M380" s="813"/>
      <c r="N380" s="797"/>
      <c r="O380" s="797"/>
    </row>
    <row r="381" spans="3:15">
      <c r="C381" s="789">
        <f>IF(D363="","-",+C380+1)</f>
        <v>2026</v>
      </c>
      <c r="D381" s="737">
        <f t="shared" si="18"/>
        <v>43230236.065854669</v>
      </c>
      <c r="E381" s="790">
        <f t="shared" si="23"/>
        <v>1553182.1341025643</v>
      </c>
      <c r="F381" s="737">
        <f t="shared" si="19"/>
        <v>41677053.931752101</v>
      </c>
      <c r="G381" s="795">
        <f t="shared" si="20"/>
        <v>6168028.4180914378</v>
      </c>
      <c r="H381" s="796">
        <f t="shared" si="21"/>
        <v>6168028.4180914378</v>
      </c>
      <c r="I381" s="793">
        <f t="shared" si="22"/>
        <v>0</v>
      </c>
      <c r="J381" s="793"/>
      <c r="K381" s="813"/>
      <c r="L381" s="797"/>
      <c r="M381" s="813"/>
      <c r="N381" s="798"/>
      <c r="O381" s="797"/>
    </row>
    <row r="382" spans="3:15">
      <c r="C382" s="789">
        <f>IF(D363="","-",+C381+1)</f>
        <v>2027</v>
      </c>
      <c r="D382" s="737">
        <f t="shared" si="18"/>
        <v>41677053.931752101</v>
      </c>
      <c r="E382" s="790">
        <f t="shared" si="23"/>
        <v>1553182.1341025643</v>
      </c>
      <c r="F382" s="737">
        <f t="shared" si="19"/>
        <v>40123871.797649533</v>
      </c>
      <c r="G382" s="795">
        <f t="shared" si="20"/>
        <v>5999192.5784333078</v>
      </c>
      <c r="H382" s="796">
        <f t="shared" si="21"/>
        <v>5999192.5784333078</v>
      </c>
      <c r="I382" s="793">
        <f t="shared" si="22"/>
        <v>0</v>
      </c>
      <c r="J382" s="793"/>
      <c r="K382" s="813"/>
      <c r="L382" s="797"/>
      <c r="M382" s="813"/>
      <c r="N382" s="797"/>
      <c r="O382" s="797"/>
    </row>
    <row r="383" spans="3:15">
      <c r="C383" s="789">
        <f>IF(D363="","-",+C382+1)</f>
        <v>2028</v>
      </c>
      <c r="D383" s="737">
        <f t="shared" si="18"/>
        <v>40123871.797649533</v>
      </c>
      <c r="E383" s="790">
        <f t="shared" si="23"/>
        <v>1553182.1341025643</v>
      </c>
      <c r="F383" s="737">
        <f t="shared" si="19"/>
        <v>38570689.663546965</v>
      </c>
      <c r="G383" s="795">
        <f t="shared" si="20"/>
        <v>5830356.7387751769</v>
      </c>
      <c r="H383" s="796">
        <f t="shared" si="21"/>
        <v>5830356.7387751769</v>
      </c>
      <c r="I383" s="793">
        <f t="shared" si="22"/>
        <v>0</v>
      </c>
      <c r="J383" s="793"/>
      <c r="K383" s="813"/>
      <c r="L383" s="797"/>
      <c r="M383" s="813"/>
      <c r="N383" s="797"/>
      <c r="O383" s="797"/>
    </row>
    <row r="384" spans="3:15">
      <c r="C384" s="789">
        <f>IF(D363="","-",+C383+1)</f>
        <v>2029</v>
      </c>
      <c r="D384" s="737">
        <f t="shared" si="18"/>
        <v>38570689.663546965</v>
      </c>
      <c r="E384" s="790">
        <f t="shared" si="23"/>
        <v>1553182.1341025643</v>
      </c>
      <c r="F384" s="737">
        <f t="shared" si="19"/>
        <v>37017507.529444396</v>
      </c>
      <c r="G384" s="795">
        <f t="shared" si="20"/>
        <v>5661520.899117047</v>
      </c>
      <c r="H384" s="796">
        <f t="shared" si="21"/>
        <v>5661520.899117047</v>
      </c>
      <c r="I384" s="793">
        <f t="shared" si="22"/>
        <v>0</v>
      </c>
      <c r="J384" s="793"/>
      <c r="K384" s="813"/>
      <c r="L384" s="797"/>
      <c r="M384" s="813"/>
      <c r="N384" s="797"/>
      <c r="O384" s="797"/>
    </row>
    <row r="385" spans="3:15">
      <c r="C385" s="789">
        <f>IF(D363="","-",+C384+1)</f>
        <v>2030</v>
      </c>
      <c r="D385" s="737">
        <f t="shared" si="18"/>
        <v>37017507.529444396</v>
      </c>
      <c r="E385" s="790">
        <f t="shared" si="23"/>
        <v>1553182.1341025643</v>
      </c>
      <c r="F385" s="737">
        <f t="shared" si="19"/>
        <v>35464325.395341828</v>
      </c>
      <c r="G385" s="795">
        <f t="shared" si="20"/>
        <v>5492685.059458917</v>
      </c>
      <c r="H385" s="796">
        <f t="shared" si="21"/>
        <v>5492685.059458917</v>
      </c>
      <c r="I385" s="793">
        <f t="shared" si="22"/>
        <v>0</v>
      </c>
      <c r="J385" s="793"/>
      <c r="K385" s="813"/>
      <c r="L385" s="797"/>
      <c r="M385" s="813"/>
      <c r="N385" s="797"/>
      <c r="O385" s="797"/>
    </row>
    <row r="386" spans="3:15">
      <c r="C386" s="789">
        <f>IF(D363="","-",+C385+1)</f>
        <v>2031</v>
      </c>
      <c r="D386" s="737">
        <f t="shared" si="18"/>
        <v>35464325.395341828</v>
      </c>
      <c r="E386" s="790">
        <f t="shared" si="23"/>
        <v>1553182.1341025643</v>
      </c>
      <c r="F386" s="737">
        <f t="shared" si="19"/>
        <v>33911143.26123926</v>
      </c>
      <c r="G386" s="795">
        <f t="shared" si="20"/>
        <v>5323849.219800787</v>
      </c>
      <c r="H386" s="796">
        <f t="shared" si="21"/>
        <v>5323849.219800787</v>
      </c>
      <c r="I386" s="793">
        <f t="shared" si="22"/>
        <v>0</v>
      </c>
      <c r="J386" s="793"/>
      <c r="K386" s="813"/>
      <c r="L386" s="797"/>
      <c r="M386" s="813"/>
      <c r="N386" s="797"/>
      <c r="O386" s="797"/>
    </row>
    <row r="387" spans="3:15">
      <c r="C387" s="789">
        <f>IF(D363="","-",+C386+1)</f>
        <v>2032</v>
      </c>
      <c r="D387" s="737">
        <f t="shared" si="18"/>
        <v>33911143.26123926</v>
      </c>
      <c r="E387" s="790">
        <f t="shared" si="23"/>
        <v>1553182.1341025643</v>
      </c>
      <c r="F387" s="737">
        <f t="shared" si="19"/>
        <v>32357961.127136696</v>
      </c>
      <c r="G387" s="795">
        <f t="shared" si="20"/>
        <v>5155013.3801426571</v>
      </c>
      <c r="H387" s="796">
        <f t="shared" si="21"/>
        <v>5155013.3801426571</v>
      </c>
      <c r="I387" s="793">
        <f t="shared" si="22"/>
        <v>0</v>
      </c>
      <c r="J387" s="793"/>
      <c r="K387" s="813"/>
      <c r="L387" s="797"/>
      <c r="M387" s="813"/>
      <c r="N387" s="797"/>
      <c r="O387" s="797"/>
    </row>
    <row r="388" spans="3:15">
      <c r="C388" s="789">
        <f>IF(D363="","-",+C387+1)</f>
        <v>2033</v>
      </c>
      <c r="D388" s="737">
        <f t="shared" si="18"/>
        <v>32357961.127136696</v>
      </c>
      <c r="E388" s="790">
        <f t="shared" si="23"/>
        <v>1553182.1341025643</v>
      </c>
      <c r="F388" s="737">
        <f t="shared" si="19"/>
        <v>30804778.993034132</v>
      </c>
      <c r="G388" s="795">
        <f t="shared" si="20"/>
        <v>4986177.5404845281</v>
      </c>
      <c r="H388" s="796">
        <f t="shared" si="21"/>
        <v>4986177.5404845281</v>
      </c>
      <c r="I388" s="793">
        <f t="shared" si="22"/>
        <v>0</v>
      </c>
      <c r="J388" s="793"/>
      <c r="K388" s="813"/>
      <c r="L388" s="797"/>
      <c r="M388" s="813"/>
      <c r="N388" s="797"/>
      <c r="O388" s="797"/>
    </row>
    <row r="389" spans="3:15">
      <c r="C389" s="789">
        <f>IF(D363="","-",+C388+1)</f>
        <v>2034</v>
      </c>
      <c r="D389" s="737">
        <f t="shared" si="18"/>
        <v>30804778.993034132</v>
      </c>
      <c r="E389" s="790">
        <f t="shared" si="23"/>
        <v>1553182.1341025643</v>
      </c>
      <c r="F389" s="737">
        <f t="shared" si="19"/>
        <v>29251596.858931568</v>
      </c>
      <c r="G389" s="795">
        <f t="shared" si="20"/>
        <v>4817341.7008263972</v>
      </c>
      <c r="H389" s="796">
        <f t="shared" si="21"/>
        <v>4817341.7008263972</v>
      </c>
      <c r="I389" s="793">
        <f t="shared" si="22"/>
        <v>0</v>
      </c>
      <c r="J389" s="793"/>
      <c r="K389" s="813"/>
      <c r="L389" s="797"/>
      <c r="M389" s="813"/>
      <c r="N389" s="797"/>
      <c r="O389" s="797"/>
    </row>
    <row r="390" spans="3:15">
      <c r="C390" s="789">
        <f>IF(D363="","-",+C389+1)</f>
        <v>2035</v>
      </c>
      <c r="D390" s="737">
        <f t="shared" si="18"/>
        <v>29251596.858931568</v>
      </c>
      <c r="E390" s="790">
        <f t="shared" si="23"/>
        <v>1553182.1341025643</v>
      </c>
      <c r="F390" s="737">
        <f t="shared" si="19"/>
        <v>27698414.724829003</v>
      </c>
      <c r="G390" s="795">
        <f t="shared" si="20"/>
        <v>4648505.8611682691</v>
      </c>
      <c r="H390" s="796">
        <f t="shared" si="21"/>
        <v>4648505.8611682691</v>
      </c>
      <c r="I390" s="793">
        <f t="shared" si="22"/>
        <v>0</v>
      </c>
      <c r="J390" s="793"/>
      <c r="K390" s="813"/>
      <c r="L390" s="797"/>
      <c r="M390" s="813"/>
      <c r="N390" s="797"/>
      <c r="O390" s="797"/>
    </row>
    <row r="391" spans="3:15">
      <c r="C391" s="789">
        <f>IF(D363="","-",+C390+1)</f>
        <v>2036</v>
      </c>
      <c r="D391" s="737">
        <f t="shared" si="18"/>
        <v>27698414.724829003</v>
      </c>
      <c r="E391" s="790">
        <f t="shared" si="23"/>
        <v>1553182.1341025643</v>
      </c>
      <c r="F391" s="737">
        <f t="shared" si="19"/>
        <v>26145232.590726439</v>
      </c>
      <c r="G391" s="795">
        <f t="shared" si="20"/>
        <v>4479670.0215101391</v>
      </c>
      <c r="H391" s="796">
        <f t="shared" si="21"/>
        <v>4479670.0215101391</v>
      </c>
      <c r="I391" s="793">
        <f t="shared" si="22"/>
        <v>0</v>
      </c>
      <c r="J391" s="793"/>
      <c r="K391" s="813"/>
      <c r="L391" s="797"/>
      <c r="M391" s="813"/>
      <c r="N391" s="797"/>
      <c r="O391" s="797"/>
    </row>
    <row r="392" spans="3:15">
      <c r="C392" s="789">
        <f>IF(D363="","-",+C391+1)</f>
        <v>2037</v>
      </c>
      <c r="D392" s="737">
        <f t="shared" si="18"/>
        <v>26145232.590726439</v>
      </c>
      <c r="E392" s="790">
        <f t="shared" si="23"/>
        <v>1553182.1341025643</v>
      </c>
      <c r="F392" s="737">
        <f t="shared" si="19"/>
        <v>24592050.456623875</v>
      </c>
      <c r="G392" s="795">
        <f t="shared" si="20"/>
        <v>4310834.1818520091</v>
      </c>
      <c r="H392" s="796">
        <f t="shared" si="21"/>
        <v>4310834.1818520091</v>
      </c>
      <c r="I392" s="793">
        <f t="shared" si="22"/>
        <v>0</v>
      </c>
      <c r="J392" s="793"/>
      <c r="K392" s="813"/>
      <c r="L392" s="797"/>
      <c r="M392" s="813"/>
      <c r="N392" s="797"/>
      <c r="O392" s="797"/>
    </row>
    <row r="393" spans="3:15">
      <c r="C393" s="789">
        <f>IF(D363="","-",+C392+1)</f>
        <v>2038</v>
      </c>
      <c r="D393" s="737">
        <f t="shared" si="18"/>
        <v>24592050.456623875</v>
      </c>
      <c r="E393" s="790">
        <f t="shared" si="23"/>
        <v>1553182.1341025643</v>
      </c>
      <c r="F393" s="737">
        <f t="shared" si="19"/>
        <v>23038868.32252131</v>
      </c>
      <c r="G393" s="795">
        <f t="shared" si="20"/>
        <v>4141998.3421938792</v>
      </c>
      <c r="H393" s="796">
        <f t="shared" si="21"/>
        <v>4141998.3421938792</v>
      </c>
      <c r="I393" s="793">
        <f t="shared" si="22"/>
        <v>0</v>
      </c>
      <c r="J393" s="793"/>
      <c r="K393" s="813"/>
      <c r="L393" s="797"/>
      <c r="M393" s="813"/>
      <c r="N393" s="797"/>
      <c r="O393" s="797"/>
    </row>
    <row r="394" spans="3:15">
      <c r="C394" s="789">
        <f>IF(D363="","-",+C393+1)</f>
        <v>2039</v>
      </c>
      <c r="D394" s="737">
        <f t="shared" si="18"/>
        <v>23038868.32252131</v>
      </c>
      <c r="E394" s="790">
        <f t="shared" si="23"/>
        <v>1553182.1341025643</v>
      </c>
      <c r="F394" s="737">
        <f t="shared" si="19"/>
        <v>21485686.188418746</v>
      </c>
      <c r="G394" s="795">
        <f t="shared" si="20"/>
        <v>3973162.5025357497</v>
      </c>
      <c r="H394" s="796">
        <f t="shared" si="21"/>
        <v>3973162.5025357497</v>
      </c>
      <c r="I394" s="793">
        <f t="shared" si="22"/>
        <v>0</v>
      </c>
      <c r="J394" s="793"/>
      <c r="K394" s="813"/>
      <c r="L394" s="797"/>
      <c r="M394" s="813"/>
      <c r="N394" s="797"/>
      <c r="O394" s="797"/>
    </row>
    <row r="395" spans="3:15">
      <c r="C395" s="789">
        <f>IF(D363="","-",+C394+1)</f>
        <v>2040</v>
      </c>
      <c r="D395" s="737">
        <f t="shared" si="18"/>
        <v>21485686.188418746</v>
      </c>
      <c r="E395" s="790">
        <f t="shared" si="23"/>
        <v>1553182.1341025643</v>
      </c>
      <c r="F395" s="737">
        <f t="shared" si="19"/>
        <v>19932504.054316182</v>
      </c>
      <c r="G395" s="795">
        <f t="shared" si="20"/>
        <v>3804326.6628776197</v>
      </c>
      <c r="H395" s="796">
        <f t="shared" si="21"/>
        <v>3804326.6628776197</v>
      </c>
      <c r="I395" s="793">
        <f t="shared" si="22"/>
        <v>0</v>
      </c>
      <c r="J395" s="793"/>
      <c r="K395" s="813"/>
      <c r="L395" s="797"/>
      <c r="M395" s="813"/>
      <c r="N395" s="797"/>
      <c r="O395" s="797"/>
    </row>
    <row r="396" spans="3:15">
      <c r="C396" s="789">
        <f>IF(D363="","-",+C395+1)</f>
        <v>2041</v>
      </c>
      <c r="D396" s="737">
        <f t="shared" si="18"/>
        <v>19932504.054316182</v>
      </c>
      <c r="E396" s="790">
        <f t="shared" si="23"/>
        <v>1553182.1341025643</v>
      </c>
      <c r="F396" s="737">
        <f t="shared" si="19"/>
        <v>18379321.920213617</v>
      </c>
      <c r="G396" s="795">
        <f t="shared" si="20"/>
        <v>3635490.8232194902</v>
      </c>
      <c r="H396" s="796">
        <f t="shared" si="21"/>
        <v>3635490.8232194902</v>
      </c>
      <c r="I396" s="793">
        <f t="shared" si="22"/>
        <v>0</v>
      </c>
      <c r="J396" s="793"/>
      <c r="K396" s="813"/>
      <c r="L396" s="797"/>
      <c r="M396" s="813"/>
      <c r="N396" s="797"/>
      <c r="O396" s="797"/>
    </row>
    <row r="397" spans="3:15">
      <c r="C397" s="789">
        <f>IF(D363="","-",+C396+1)</f>
        <v>2042</v>
      </c>
      <c r="D397" s="737">
        <f t="shared" si="18"/>
        <v>18379321.920213617</v>
      </c>
      <c r="E397" s="790">
        <f t="shared" si="23"/>
        <v>1553182.1341025643</v>
      </c>
      <c r="F397" s="737">
        <f t="shared" si="19"/>
        <v>16826139.786111053</v>
      </c>
      <c r="G397" s="791">
        <f t="shared" si="20"/>
        <v>3466654.9835613603</v>
      </c>
      <c r="H397" s="796">
        <f t="shared" si="21"/>
        <v>3466654.9835613603</v>
      </c>
      <c r="I397" s="793">
        <f t="shared" si="22"/>
        <v>0</v>
      </c>
      <c r="J397" s="793"/>
      <c r="K397" s="813"/>
      <c r="L397" s="797"/>
      <c r="M397" s="813"/>
      <c r="N397" s="797"/>
      <c r="O397" s="797"/>
    </row>
    <row r="398" spans="3:15">
      <c r="C398" s="789">
        <f>IF(D363="","-",+C397+1)</f>
        <v>2043</v>
      </c>
      <c r="D398" s="737">
        <f t="shared" si="18"/>
        <v>16826139.786111053</v>
      </c>
      <c r="E398" s="790">
        <f t="shared" si="23"/>
        <v>1553182.1341025643</v>
      </c>
      <c r="F398" s="737">
        <f t="shared" si="19"/>
        <v>15272957.652008489</v>
      </c>
      <c r="G398" s="795">
        <f t="shared" si="20"/>
        <v>3297819.1439032312</v>
      </c>
      <c r="H398" s="796">
        <f t="shared" si="21"/>
        <v>3297819.1439032312</v>
      </c>
      <c r="I398" s="793">
        <f t="shared" si="22"/>
        <v>0</v>
      </c>
      <c r="J398" s="793"/>
      <c r="K398" s="813"/>
      <c r="L398" s="797"/>
      <c r="M398" s="813"/>
      <c r="N398" s="797"/>
      <c r="O398" s="797"/>
    </row>
    <row r="399" spans="3:15">
      <c r="C399" s="789">
        <f>IF(D363="","-",+C398+1)</f>
        <v>2044</v>
      </c>
      <c r="D399" s="737">
        <f t="shared" si="18"/>
        <v>15272957.652008489</v>
      </c>
      <c r="E399" s="790">
        <f t="shared" si="23"/>
        <v>1553182.1341025643</v>
      </c>
      <c r="F399" s="737">
        <f t="shared" si="19"/>
        <v>13719775.517905924</v>
      </c>
      <c r="G399" s="795">
        <f t="shared" si="20"/>
        <v>3128983.3042451013</v>
      </c>
      <c r="H399" s="796">
        <f t="shared" si="21"/>
        <v>3128983.3042451013</v>
      </c>
      <c r="I399" s="793">
        <f t="shared" si="22"/>
        <v>0</v>
      </c>
      <c r="J399" s="793"/>
      <c r="K399" s="813"/>
      <c r="L399" s="797"/>
      <c r="M399" s="813"/>
      <c r="N399" s="797"/>
      <c r="O399" s="797"/>
    </row>
    <row r="400" spans="3:15">
      <c r="C400" s="789">
        <f>IF(D363="","-",+C399+1)</f>
        <v>2045</v>
      </c>
      <c r="D400" s="737">
        <f t="shared" si="18"/>
        <v>13719775.517905924</v>
      </c>
      <c r="E400" s="790">
        <f t="shared" si="23"/>
        <v>1553182.1341025643</v>
      </c>
      <c r="F400" s="737">
        <f t="shared" si="19"/>
        <v>12166593.38380336</v>
      </c>
      <c r="G400" s="795">
        <f t="shared" si="20"/>
        <v>2960147.4645869713</v>
      </c>
      <c r="H400" s="796">
        <f t="shared" si="21"/>
        <v>2960147.4645869713</v>
      </c>
      <c r="I400" s="793">
        <f t="shared" si="22"/>
        <v>0</v>
      </c>
      <c r="J400" s="793"/>
      <c r="K400" s="813"/>
      <c r="L400" s="797"/>
      <c r="M400" s="813"/>
      <c r="N400" s="797"/>
      <c r="O400" s="797"/>
    </row>
    <row r="401" spans="3:15">
      <c r="C401" s="789">
        <f>IF(D363="","-",+C400+1)</f>
        <v>2046</v>
      </c>
      <c r="D401" s="737">
        <f t="shared" si="18"/>
        <v>12166593.38380336</v>
      </c>
      <c r="E401" s="790">
        <f t="shared" si="23"/>
        <v>1553182.1341025643</v>
      </c>
      <c r="F401" s="737">
        <f t="shared" si="19"/>
        <v>10613411.249700796</v>
      </c>
      <c r="G401" s="795">
        <f t="shared" si="20"/>
        <v>2791311.6249288423</v>
      </c>
      <c r="H401" s="796">
        <f t="shared" si="21"/>
        <v>2791311.6249288423</v>
      </c>
      <c r="I401" s="793">
        <f t="shared" si="22"/>
        <v>0</v>
      </c>
      <c r="J401" s="793"/>
      <c r="K401" s="813"/>
      <c r="L401" s="797"/>
      <c r="M401" s="813"/>
      <c r="N401" s="797"/>
      <c r="O401" s="797"/>
    </row>
    <row r="402" spans="3:15">
      <c r="C402" s="789">
        <f>IF(D363="","-",+C401+1)</f>
        <v>2047</v>
      </c>
      <c r="D402" s="737">
        <f t="shared" si="18"/>
        <v>10613411.249700796</v>
      </c>
      <c r="E402" s="790">
        <f t="shared" si="23"/>
        <v>1553182.1341025643</v>
      </c>
      <c r="F402" s="737">
        <f t="shared" si="19"/>
        <v>9060229.1155982316</v>
      </c>
      <c r="G402" s="795">
        <f t="shared" si="20"/>
        <v>2622475.7852707123</v>
      </c>
      <c r="H402" s="796">
        <f t="shared" si="21"/>
        <v>2622475.7852707123</v>
      </c>
      <c r="I402" s="793">
        <f t="shared" si="22"/>
        <v>0</v>
      </c>
      <c r="J402" s="793"/>
      <c r="K402" s="813"/>
      <c r="L402" s="797"/>
      <c r="M402" s="813"/>
      <c r="N402" s="797"/>
      <c r="O402" s="797"/>
    </row>
    <row r="403" spans="3:15">
      <c r="C403" s="789">
        <f>IF(D363="","-",+C402+1)</f>
        <v>2048</v>
      </c>
      <c r="D403" s="737">
        <f t="shared" si="18"/>
        <v>9060229.1155982316</v>
      </c>
      <c r="E403" s="790">
        <f t="shared" si="23"/>
        <v>1553182.1341025643</v>
      </c>
      <c r="F403" s="737">
        <f t="shared" si="19"/>
        <v>7507046.9814956672</v>
      </c>
      <c r="G403" s="795">
        <f t="shared" si="20"/>
        <v>2453639.9456125824</v>
      </c>
      <c r="H403" s="796">
        <f t="shared" si="21"/>
        <v>2453639.9456125824</v>
      </c>
      <c r="I403" s="793">
        <f t="shared" si="22"/>
        <v>0</v>
      </c>
      <c r="J403" s="793"/>
      <c r="K403" s="813"/>
      <c r="L403" s="797"/>
      <c r="M403" s="813"/>
      <c r="N403" s="797"/>
      <c r="O403" s="797"/>
    </row>
    <row r="404" spans="3:15">
      <c r="C404" s="789">
        <f>IF(D363="","-",+C403+1)</f>
        <v>2049</v>
      </c>
      <c r="D404" s="737">
        <f t="shared" si="18"/>
        <v>7507046.9814956672</v>
      </c>
      <c r="E404" s="790">
        <f t="shared" si="23"/>
        <v>1553182.1341025643</v>
      </c>
      <c r="F404" s="737">
        <f t="shared" si="19"/>
        <v>5953864.8473931029</v>
      </c>
      <c r="G404" s="795">
        <f t="shared" si="20"/>
        <v>2284804.1059544529</v>
      </c>
      <c r="H404" s="796">
        <f t="shared" si="21"/>
        <v>2284804.1059544529</v>
      </c>
      <c r="I404" s="793">
        <f t="shared" si="22"/>
        <v>0</v>
      </c>
      <c r="J404" s="793"/>
      <c r="K404" s="813"/>
      <c r="L404" s="797"/>
      <c r="M404" s="813"/>
      <c r="N404" s="797"/>
      <c r="O404" s="797"/>
    </row>
    <row r="405" spans="3:15">
      <c r="C405" s="789">
        <f>IF(D363="","-",+C404+1)</f>
        <v>2050</v>
      </c>
      <c r="D405" s="737">
        <f t="shared" si="18"/>
        <v>5953864.8473931029</v>
      </c>
      <c r="E405" s="790">
        <f t="shared" si="23"/>
        <v>1553182.1341025643</v>
      </c>
      <c r="F405" s="737">
        <f t="shared" si="19"/>
        <v>4400682.7132905386</v>
      </c>
      <c r="G405" s="795">
        <f t="shared" si="20"/>
        <v>2115968.2662963234</v>
      </c>
      <c r="H405" s="796">
        <f t="shared" si="21"/>
        <v>2115968.2662963234</v>
      </c>
      <c r="I405" s="793">
        <f t="shared" si="22"/>
        <v>0</v>
      </c>
      <c r="J405" s="793"/>
      <c r="K405" s="813"/>
      <c r="L405" s="797"/>
      <c r="M405" s="813"/>
      <c r="N405" s="797"/>
      <c r="O405" s="797"/>
    </row>
    <row r="406" spans="3:15">
      <c r="C406" s="789">
        <f>IF(D363="","-",+C405+1)</f>
        <v>2051</v>
      </c>
      <c r="D406" s="737">
        <f t="shared" si="18"/>
        <v>4400682.7132905386</v>
      </c>
      <c r="E406" s="790">
        <f t="shared" si="23"/>
        <v>1553182.1341025643</v>
      </c>
      <c r="F406" s="737">
        <f t="shared" si="19"/>
        <v>2847500.5791879743</v>
      </c>
      <c r="G406" s="795">
        <f t="shared" si="20"/>
        <v>1947132.4266381937</v>
      </c>
      <c r="H406" s="796">
        <f t="shared" si="21"/>
        <v>1947132.4266381937</v>
      </c>
      <c r="I406" s="793">
        <f t="shared" si="22"/>
        <v>0</v>
      </c>
      <c r="J406" s="793"/>
      <c r="K406" s="813"/>
      <c r="L406" s="797"/>
      <c r="M406" s="813"/>
      <c r="N406" s="797"/>
      <c r="O406" s="797"/>
    </row>
    <row r="407" spans="3:15">
      <c r="C407" s="789">
        <f>IF(D363="","-",+C406+1)</f>
        <v>2052</v>
      </c>
      <c r="D407" s="737">
        <f t="shared" si="18"/>
        <v>2847500.5791879743</v>
      </c>
      <c r="E407" s="790">
        <f t="shared" si="23"/>
        <v>1553182.1341025643</v>
      </c>
      <c r="F407" s="737">
        <f t="shared" si="19"/>
        <v>1294318.44508541</v>
      </c>
      <c r="G407" s="795">
        <f t="shared" si="20"/>
        <v>1778296.5869800639</v>
      </c>
      <c r="H407" s="796">
        <f t="shared" si="21"/>
        <v>1778296.5869800639</v>
      </c>
      <c r="I407" s="793">
        <f t="shared" si="22"/>
        <v>0</v>
      </c>
      <c r="J407" s="793"/>
      <c r="K407" s="813"/>
      <c r="L407" s="797"/>
      <c r="M407" s="813"/>
      <c r="N407" s="797"/>
      <c r="O407" s="797"/>
    </row>
    <row r="408" spans="3:15">
      <c r="C408" s="789">
        <f>IF(D363="","-",+C407+1)</f>
        <v>2053</v>
      </c>
      <c r="D408" s="737">
        <f t="shared" si="18"/>
        <v>1294318.44508541</v>
      </c>
      <c r="E408" s="790">
        <f t="shared" si="23"/>
        <v>1294318.44508541</v>
      </c>
      <c r="F408" s="737">
        <f t="shared" si="19"/>
        <v>0</v>
      </c>
      <c r="G408" s="795">
        <f t="shared" si="20"/>
        <v>1364666.7116096274</v>
      </c>
      <c r="H408" s="796">
        <f t="shared" si="21"/>
        <v>1364666.7116096274</v>
      </c>
      <c r="I408" s="793">
        <f t="shared" si="22"/>
        <v>0</v>
      </c>
      <c r="J408" s="793"/>
      <c r="K408" s="813"/>
      <c r="L408" s="797"/>
      <c r="M408" s="813"/>
      <c r="N408" s="797"/>
      <c r="O408" s="797"/>
    </row>
    <row r="409" spans="3:15">
      <c r="C409" s="789">
        <f>IF(D363="","-",+C408+1)</f>
        <v>2054</v>
      </c>
      <c r="D409" s="737">
        <f t="shared" si="18"/>
        <v>0</v>
      </c>
      <c r="E409" s="790">
        <f t="shared" si="23"/>
        <v>0</v>
      </c>
      <c r="F409" s="737">
        <f t="shared" si="19"/>
        <v>0</v>
      </c>
      <c r="G409" s="795">
        <f t="shared" si="20"/>
        <v>0</v>
      </c>
      <c r="H409" s="796">
        <f t="shared" si="21"/>
        <v>0</v>
      </c>
      <c r="I409" s="793">
        <f t="shared" si="22"/>
        <v>0</v>
      </c>
      <c r="J409" s="793"/>
      <c r="K409" s="813"/>
      <c r="L409" s="797"/>
      <c r="M409" s="813"/>
      <c r="N409" s="797"/>
      <c r="O409" s="797"/>
    </row>
    <row r="410" spans="3:15">
      <c r="C410" s="789">
        <f>IF(D363="","-",+C409+1)</f>
        <v>2055</v>
      </c>
      <c r="D410" s="737">
        <f t="shared" si="18"/>
        <v>0</v>
      </c>
      <c r="E410" s="790">
        <f t="shared" si="23"/>
        <v>0</v>
      </c>
      <c r="F410" s="737">
        <f t="shared" si="19"/>
        <v>0</v>
      </c>
      <c r="G410" s="795">
        <f t="shared" si="20"/>
        <v>0</v>
      </c>
      <c r="H410" s="796">
        <f t="shared" si="21"/>
        <v>0</v>
      </c>
      <c r="I410" s="793">
        <f t="shared" si="22"/>
        <v>0</v>
      </c>
      <c r="J410" s="793"/>
      <c r="K410" s="813"/>
      <c r="L410" s="797"/>
      <c r="M410" s="813"/>
      <c r="N410" s="797"/>
      <c r="O410" s="797"/>
    </row>
    <row r="411" spans="3:15">
      <c r="C411" s="789">
        <f>IF(D363="","-",+C410+1)</f>
        <v>2056</v>
      </c>
      <c r="D411" s="737">
        <f t="shared" si="18"/>
        <v>0</v>
      </c>
      <c r="E411" s="790">
        <f t="shared" si="23"/>
        <v>0</v>
      </c>
      <c r="F411" s="737">
        <f t="shared" si="19"/>
        <v>0</v>
      </c>
      <c r="G411" s="795">
        <f t="shared" si="20"/>
        <v>0</v>
      </c>
      <c r="H411" s="796">
        <f t="shared" si="21"/>
        <v>0</v>
      </c>
      <c r="I411" s="793">
        <f t="shared" si="22"/>
        <v>0</v>
      </c>
      <c r="J411" s="793"/>
      <c r="K411" s="813"/>
      <c r="L411" s="797"/>
      <c r="M411" s="813"/>
      <c r="N411" s="797"/>
      <c r="O411" s="797"/>
    </row>
    <row r="412" spans="3:15">
      <c r="C412" s="789">
        <f>IF(D363="","-",+C411+1)</f>
        <v>2057</v>
      </c>
      <c r="D412" s="737">
        <f t="shared" si="18"/>
        <v>0</v>
      </c>
      <c r="E412" s="790">
        <f t="shared" si="23"/>
        <v>0</v>
      </c>
      <c r="F412" s="737">
        <f t="shared" si="19"/>
        <v>0</v>
      </c>
      <c r="G412" s="795">
        <f t="shared" si="20"/>
        <v>0</v>
      </c>
      <c r="H412" s="796">
        <f t="shared" si="21"/>
        <v>0</v>
      </c>
      <c r="I412" s="793">
        <f t="shared" si="22"/>
        <v>0</v>
      </c>
      <c r="J412" s="793"/>
      <c r="K412" s="813"/>
      <c r="L412" s="797"/>
      <c r="M412" s="813"/>
      <c r="N412" s="797"/>
      <c r="O412" s="797"/>
    </row>
    <row r="413" spans="3:15">
      <c r="C413" s="789">
        <f>IF(D363="","-",+C412+1)</f>
        <v>2058</v>
      </c>
      <c r="D413" s="737">
        <f t="shared" si="18"/>
        <v>0</v>
      </c>
      <c r="E413" s="790">
        <f t="shared" si="23"/>
        <v>0</v>
      </c>
      <c r="F413" s="737">
        <f t="shared" si="19"/>
        <v>0</v>
      </c>
      <c r="G413" s="795">
        <f t="shared" si="20"/>
        <v>0</v>
      </c>
      <c r="H413" s="796">
        <f t="shared" si="21"/>
        <v>0</v>
      </c>
      <c r="I413" s="793">
        <f t="shared" si="22"/>
        <v>0</v>
      </c>
      <c r="J413" s="793"/>
      <c r="K413" s="813"/>
      <c r="L413" s="797"/>
      <c r="M413" s="813"/>
      <c r="N413" s="797"/>
      <c r="O413" s="797"/>
    </row>
    <row r="414" spans="3:15">
      <c r="C414" s="789">
        <f>IF(D363="","-",+C413+1)</f>
        <v>2059</v>
      </c>
      <c r="D414" s="737">
        <f t="shared" si="18"/>
        <v>0</v>
      </c>
      <c r="E414" s="790">
        <f t="shared" si="23"/>
        <v>0</v>
      </c>
      <c r="F414" s="737">
        <f t="shared" si="19"/>
        <v>0</v>
      </c>
      <c r="G414" s="795">
        <f t="shared" si="20"/>
        <v>0</v>
      </c>
      <c r="H414" s="796">
        <f t="shared" si="21"/>
        <v>0</v>
      </c>
      <c r="I414" s="793">
        <f t="shared" si="22"/>
        <v>0</v>
      </c>
      <c r="J414" s="793"/>
      <c r="K414" s="813"/>
      <c r="L414" s="797"/>
      <c r="M414" s="813"/>
      <c r="N414" s="797"/>
      <c r="O414" s="797"/>
    </row>
    <row r="415" spans="3:15">
      <c r="C415" s="789">
        <f>IF(D363="","-",+C414+1)</f>
        <v>2060</v>
      </c>
      <c r="D415" s="737">
        <f t="shared" si="18"/>
        <v>0</v>
      </c>
      <c r="E415" s="790">
        <f t="shared" si="23"/>
        <v>0</v>
      </c>
      <c r="F415" s="737">
        <f t="shared" si="19"/>
        <v>0</v>
      </c>
      <c r="G415" s="795">
        <f t="shared" si="20"/>
        <v>0</v>
      </c>
      <c r="H415" s="796">
        <f t="shared" si="21"/>
        <v>0</v>
      </c>
      <c r="I415" s="793">
        <f t="shared" si="22"/>
        <v>0</v>
      </c>
      <c r="J415" s="793"/>
      <c r="K415" s="813"/>
      <c r="L415" s="797"/>
      <c r="M415" s="813"/>
      <c r="N415" s="797"/>
      <c r="O415" s="797"/>
    </row>
    <row r="416" spans="3:15">
      <c r="C416" s="789">
        <f>IF(D363="","-",+C415+1)</f>
        <v>2061</v>
      </c>
      <c r="D416" s="737">
        <f t="shared" si="18"/>
        <v>0</v>
      </c>
      <c r="E416" s="790">
        <f t="shared" si="23"/>
        <v>0</v>
      </c>
      <c r="F416" s="737">
        <f t="shared" si="19"/>
        <v>0</v>
      </c>
      <c r="G416" s="795">
        <f t="shared" si="20"/>
        <v>0</v>
      </c>
      <c r="H416" s="796">
        <f t="shared" si="21"/>
        <v>0</v>
      </c>
      <c r="I416" s="793">
        <f t="shared" si="22"/>
        <v>0</v>
      </c>
      <c r="J416" s="793"/>
      <c r="K416" s="813"/>
      <c r="L416" s="797"/>
      <c r="M416" s="813"/>
      <c r="N416" s="797"/>
      <c r="O416" s="797"/>
    </row>
    <row r="417" spans="3:15">
      <c r="C417" s="789">
        <f>IF(D363="","-",+C416+1)</f>
        <v>2062</v>
      </c>
      <c r="D417" s="737">
        <f t="shared" si="18"/>
        <v>0</v>
      </c>
      <c r="E417" s="790">
        <f t="shared" si="23"/>
        <v>0</v>
      </c>
      <c r="F417" s="737">
        <f t="shared" si="19"/>
        <v>0</v>
      </c>
      <c r="G417" s="795">
        <f t="shared" si="20"/>
        <v>0</v>
      </c>
      <c r="H417" s="796">
        <f t="shared" si="21"/>
        <v>0</v>
      </c>
      <c r="I417" s="793">
        <f t="shared" si="22"/>
        <v>0</v>
      </c>
      <c r="J417" s="793"/>
      <c r="K417" s="813"/>
      <c r="L417" s="797"/>
      <c r="M417" s="813"/>
      <c r="N417" s="797"/>
      <c r="O417" s="797"/>
    </row>
    <row r="418" spans="3:15">
      <c r="C418" s="789">
        <f>IF(D363="","-",+C417+1)</f>
        <v>2063</v>
      </c>
      <c r="D418" s="737">
        <f t="shared" si="18"/>
        <v>0</v>
      </c>
      <c r="E418" s="790">
        <f t="shared" si="23"/>
        <v>0</v>
      </c>
      <c r="F418" s="737">
        <f t="shared" si="19"/>
        <v>0</v>
      </c>
      <c r="G418" s="795">
        <f t="shared" si="20"/>
        <v>0</v>
      </c>
      <c r="H418" s="796">
        <f t="shared" si="21"/>
        <v>0</v>
      </c>
      <c r="I418" s="793">
        <f t="shared" si="22"/>
        <v>0</v>
      </c>
      <c r="J418" s="793"/>
      <c r="K418" s="813"/>
      <c r="L418" s="797"/>
      <c r="M418" s="813"/>
      <c r="N418" s="797"/>
      <c r="O418" s="797"/>
    </row>
    <row r="419" spans="3:15">
      <c r="C419" s="789">
        <f>IF(D363="","-",+C418+1)</f>
        <v>2064</v>
      </c>
      <c r="D419" s="737">
        <f t="shared" si="18"/>
        <v>0</v>
      </c>
      <c r="E419" s="790">
        <f t="shared" si="23"/>
        <v>0</v>
      </c>
      <c r="F419" s="737">
        <f t="shared" si="19"/>
        <v>0</v>
      </c>
      <c r="G419" s="795">
        <f t="shared" si="20"/>
        <v>0</v>
      </c>
      <c r="H419" s="796">
        <f t="shared" si="21"/>
        <v>0</v>
      </c>
      <c r="I419" s="793">
        <f t="shared" si="22"/>
        <v>0</v>
      </c>
      <c r="J419" s="793"/>
      <c r="K419" s="813"/>
      <c r="L419" s="797"/>
      <c r="M419" s="813"/>
      <c r="N419" s="797"/>
      <c r="O419" s="797"/>
    </row>
    <row r="420" spans="3:15">
      <c r="C420" s="789">
        <f>IF(D363="","-",+C419+1)</f>
        <v>2065</v>
      </c>
      <c r="D420" s="737">
        <f t="shared" si="18"/>
        <v>0</v>
      </c>
      <c r="E420" s="790">
        <f t="shared" si="23"/>
        <v>0</v>
      </c>
      <c r="F420" s="737">
        <f t="shared" si="19"/>
        <v>0</v>
      </c>
      <c r="G420" s="795">
        <f t="shared" si="20"/>
        <v>0</v>
      </c>
      <c r="H420" s="796">
        <f t="shared" si="21"/>
        <v>0</v>
      </c>
      <c r="I420" s="793">
        <f t="shared" si="22"/>
        <v>0</v>
      </c>
      <c r="J420" s="793"/>
      <c r="K420" s="813"/>
      <c r="L420" s="797"/>
      <c r="M420" s="813"/>
      <c r="N420" s="797"/>
      <c r="O420" s="797"/>
    </row>
    <row r="421" spans="3:15">
      <c r="C421" s="789">
        <f>IF(D363="","-",+C420+1)</f>
        <v>2066</v>
      </c>
      <c r="D421" s="737">
        <f t="shared" si="18"/>
        <v>0</v>
      </c>
      <c r="E421" s="790">
        <f t="shared" si="23"/>
        <v>0</v>
      </c>
      <c r="F421" s="737">
        <f t="shared" si="19"/>
        <v>0</v>
      </c>
      <c r="G421" s="795">
        <f t="shared" si="20"/>
        <v>0</v>
      </c>
      <c r="H421" s="796">
        <f t="shared" si="21"/>
        <v>0</v>
      </c>
      <c r="I421" s="793">
        <f t="shared" si="22"/>
        <v>0</v>
      </c>
      <c r="J421" s="793"/>
      <c r="K421" s="813"/>
      <c r="L421" s="797"/>
      <c r="M421" s="813"/>
      <c r="N421" s="797"/>
      <c r="O421" s="797"/>
    </row>
    <row r="422" spans="3:15">
      <c r="C422" s="789">
        <f>IF(D363="","-",+C421+1)</f>
        <v>2067</v>
      </c>
      <c r="D422" s="737">
        <f t="shared" si="18"/>
        <v>0</v>
      </c>
      <c r="E422" s="790">
        <f t="shared" si="23"/>
        <v>0</v>
      </c>
      <c r="F422" s="737">
        <f t="shared" si="19"/>
        <v>0</v>
      </c>
      <c r="G422" s="795">
        <f t="shared" si="20"/>
        <v>0</v>
      </c>
      <c r="H422" s="796">
        <f t="shared" si="21"/>
        <v>0</v>
      </c>
      <c r="I422" s="793">
        <f t="shared" si="22"/>
        <v>0</v>
      </c>
      <c r="J422" s="793"/>
      <c r="K422" s="813"/>
      <c r="L422" s="797"/>
      <c r="M422" s="813"/>
      <c r="N422" s="797"/>
      <c r="O422" s="797"/>
    </row>
    <row r="423" spans="3:15">
      <c r="C423" s="789">
        <f>IF(D363="","-",+C422+1)</f>
        <v>2068</v>
      </c>
      <c r="D423" s="737">
        <f t="shared" si="18"/>
        <v>0</v>
      </c>
      <c r="E423" s="790">
        <f t="shared" si="23"/>
        <v>0</v>
      </c>
      <c r="F423" s="737">
        <f t="shared" si="19"/>
        <v>0</v>
      </c>
      <c r="G423" s="795">
        <f t="shared" si="20"/>
        <v>0</v>
      </c>
      <c r="H423" s="796">
        <f t="shared" si="21"/>
        <v>0</v>
      </c>
      <c r="I423" s="793">
        <f t="shared" si="22"/>
        <v>0</v>
      </c>
      <c r="J423" s="793"/>
      <c r="K423" s="813"/>
      <c r="L423" s="797"/>
      <c r="M423" s="813"/>
      <c r="N423" s="797"/>
      <c r="O423" s="797"/>
    </row>
    <row r="424" spans="3:15">
      <c r="C424" s="789">
        <f>IF(D363="","-",+C423+1)</f>
        <v>2069</v>
      </c>
      <c r="D424" s="737">
        <f t="shared" si="18"/>
        <v>0</v>
      </c>
      <c r="E424" s="790">
        <f t="shared" si="23"/>
        <v>0</v>
      </c>
      <c r="F424" s="737">
        <f t="shared" si="19"/>
        <v>0</v>
      </c>
      <c r="G424" s="795">
        <f t="shared" si="20"/>
        <v>0</v>
      </c>
      <c r="H424" s="796">
        <f t="shared" si="21"/>
        <v>0</v>
      </c>
      <c r="I424" s="793">
        <f t="shared" si="22"/>
        <v>0</v>
      </c>
      <c r="J424" s="793"/>
      <c r="K424" s="813"/>
      <c r="L424" s="797"/>
      <c r="M424" s="813"/>
      <c r="N424" s="797"/>
      <c r="O424" s="797"/>
    </row>
    <row r="425" spans="3:15">
      <c r="C425" s="789">
        <f>IF(D363="","-",+C424+1)</f>
        <v>2070</v>
      </c>
      <c r="D425" s="737">
        <f t="shared" si="18"/>
        <v>0</v>
      </c>
      <c r="E425" s="790">
        <f t="shared" si="23"/>
        <v>0</v>
      </c>
      <c r="F425" s="737">
        <f t="shared" si="19"/>
        <v>0</v>
      </c>
      <c r="G425" s="795">
        <f t="shared" si="20"/>
        <v>0</v>
      </c>
      <c r="H425" s="796">
        <f t="shared" si="21"/>
        <v>0</v>
      </c>
      <c r="I425" s="793">
        <f t="shared" si="22"/>
        <v>0</v>
      </c>
      <c r="J425" s="793"/>
      <c r="K425" s="813"/>
      <c r="L425" s="797"/>
      <c r="M425" s="813"/>
      <c r="N425" s="797"/>
      <c r="O425" s="797"/>
    </row>
    <row r="426" spans="3:15">
      <c r="C426" s="789">
        <f>IF(D363="","-",+C425+1)</f>
        <v>2071</v>
      </c>
      <c r="D426" s="737">
        <f t="shared" si="18"/>
        <v>0</v>
      </c>
      <c r="E426" s="790">
        <f t="shared" si="23"/>
        <v>0</v>
      </c>
      <c r="F426" s="737">
        <f t="shared" si="19"/>
        <v>0</v>
      </c>
      <c r="G426" s="795">
        <f t="shared" si="20"/>
        <v>0</v>
      </c>
      <c r="H426" s="796">
        <f t="shared" si="21"/>
        <v>0</v>
      </c>
      <c r="I426" s="793">
        <f t="shared" si="22"/>
        <v>0</v>
      </c>
      <c r="J426" s="793"/>
      <c r="K426" s="813"/>
      <c r="L426" s="797"/>
      <c r="M426" s="813"/>
      <c r="N426" s="797"/>
      <c r="O426" s="797"/>
    </row>
    <row r="427" spans="3:15">
      <c r="C427" s="789">
        <f>IF(D363="","-",+C426+1)</f>
        <v>2072</v>
      </c>
      <c r="D427" s="737">
        <f t="shared" si="18"/>
        <v>0</v>
      </c>
      <c r="E427" s="790">
        <f t="shared" si="23"/>
        <v>0</v>
      </c>
      <c r="F427" s="737">
        <f t="shared" si="19"/>
        <v>0</v>
      </c>
      <c r="G427" s="795">
        <f t="shared" si="20"/>
        <v>0</v>
      </c>
      <c r="H427" s="796">
        <f t="shared" si="21"/>
        <v>0</v>
      </c>
      <c r="I427" s="793">
        <f t="shared" si="22"/>
        <v>0</v>
      </c>
      <c r="J427" s="793"/>
      <c r="K427" s="813"/>
      <c r="L427" s="797"/>
      <c r="M427" s="813"/>
      <c r="N427" s="797"/>
      <c r="O427" s="797"/>
    </row>
    <row r="428" spans="3:15" ht="13.5" thickBot="1">
      <c r="C428" s="799">
        <f>IF(D363="","-",+C427+1)</f>
        <v>2073</v>
      </c>
      <c r="D428" s="800">
        <f t="shared" si="18"/>
        <v>0</v>
      </c>
      <c r="E428" s="801">
        <f t="shared" si="23"/>
        <v>0</v>
      </c>
      <c r="F428" s="800">
        <f t="shared" si="19"/>
        <v>0</v>
      </c>
      <c r="G428" s="802">
        <f t="shared" si="20"/>
        <v>0</v>
      </c>
      <c r="H428" s="802">
        <f t="shared" si="21"/>
        <v>0</v>
      </c>
      <c r="I428" s="803">
        <f t="shared" si="22"/>
        <v>0</v>
      </c>
      <c r="J428" s="793"/>
      <c r="K428" s="814"/>
      <c r="L428" s="804"/>
      <c r="M428" s="814"/>
      <c r="N428" s="804"/>
      <c r="O428" s="804"/>
    </row>
    <row r="429" spans="3:15">
      <c r="C429" s="737" t="s">
        <v>91</v>
      </c>
      <c r="D429" s="731"/>
      <c r="E429" s="731">
        <f>SUM(E369:E428)</f>
        <v>60574103.230000004</v>
      </c>
      <c r="F429" s="731"/>
      <c r="G429" s="731">
        <f>SUM(G369:G428)</f>
        <v>194460924.07889655</v>
      </c>
      <c r="H429" s="731">
        <f>SUM(H369:H428)</f>
        <v>194460924.07889655</v>
      </c>
      <c r="I429" s="731">
        <f>SUM(I369:I428)</f>
        <v>0</v>
      </c>
      <c r="J429" s="731"/>
      <c r="K429" s="731"/>
      <c r="L429" s="731"/>
      <c r="M429" s="731"/>
      <c r="N429" s="731"/>
      <c r="O429" s="314"/>
    </row>
    <row r="430" spans="3:15">
      <c r="D430" s="539"/>
      <c r="E430" s="314"/>
      <c r="F430" s="314"/>
      <c r="G430" s="314"/>
      <c r="H430" s="709"/>
      <c r="I430" s="709"/>
      <c r="J430" s="731"/>
      <c r="K430" s="709"/>
      <c r="L430" s="709"/>
      <c r="M430" s="709"/>
      <c r="N430" s="709"/>
      <c r="O430" s="314"/>
    </row>
    <row r="431" spans="3:15">
      <c r="C431" s="314" t="s">
        <v>13</v>
      </c>
      <c r="D431" s="539"/>
      <c r="E431" s="314"/>
      <c r="F431" s="314"/>
      <c r="G431" s="314"/>
      <c r="H431" s="709"/>
      <c r="I431" s="709"/>
      <c r="J431" s="731"/>
      <c r="K431" s="709"/>
      <c r="L431" s="709"/>
      <c r="M431" s="709"/>
      <c r="N431" s="709"/>
      <c r="O431" s="314"/>
    </row>
    <row r="432" spans="3:15">
      <c r="C432" s="314"/>
      <c r="D432" s="539"/>
      <c r="E432" s="314"/>
      <c r="F432" s="314"/>
      <c r="G432" s="314"/>
      <c r="H432" s="709"/>
      <c r="I432" s="709"/>
      <c r="J432" s="731"/>
      <c r="K432" s="709"/>
      <c r="L432" s="709"/>
      <c r="M432" s="709"/>
      <c r="N432" s="709"/>
      <c r="O432" s="314"/>
    </row>
    <row r="433" spans="1:16">
      <c r="C433" s="750" t="s">
        <v>14</v>
      </c>
      <c r="D433" s="737"/>
      <c r="E433" s="737"/>
      <c r="F433" s="737"/>
      <c r="G433" s="731"/>
      <c r="H433" s="731"/>
      <c r="I433" s="805"/>
      <c r="J433" s="805"/>
      <c r="K433" s="805"/>
      <c r="L433" s="805"/>
      <c r="M433" s="805"/>
      <c r="N433" s="805"/>
      <c r="O433" s="314"/>
    </row>
    <row r="434" spans="1:16">
      <c r="C434" s="736" t="s">
        <v>271</v>
      </c>
      <c r="D434" s="737"/>
      <c r="E434" s="737"/>
      <c r="F434" s="737"/>
      <c r="G434" s="731"/>
      <c r="H434" s="731"/>
      <c r="I434" s="805"/>
      <c r="J434" s="805"/>
      <c r="K434" s="805"/>
      <c r="L434" s="805"/>
      <c r="M434" s="805"/>
      <c r="N434" s="805"/>
      <c r="O434" s="314"/>
    </row>
    <row r="435" spans="1:16">
      <c r="C435" s="736" t="s">
        <v>92</v>
      </c>
      <c r="D435" s="737"/>
      <c r="E435" s="737"/>
      <c r="F435" s="737"/>
      <c r="G435" s="731"/>
      <c r="H435" s="731"/>
      <c r="I435" s="805"/>
      <c r="J435" s="805"/>
      <c r="K435" s="805"/>
      <c r="L435" s="805"/>
      <c r="M435" s="805"/>
      <c r="N435" s="805"/>
      <c r="O435" s="314"/>
    </row>
    <row r="436" spans="1:16">
      <c r="C436" s="736"/>
      <c r="D436" s="737"/>
      <c r="E436" s="737"/>
      <c r="F436" s="737"/>
      <c r="G436" s="731"/>
      <c r="H436" s="731"/>
      <c r="I436" s="805"/>
      <c r="J436" s="805"/>
      <c r="K436" s="805"/>
      <c r="L436" s="805"/>
      <c r="M436" s="805"/>
      <c r="N436" s="805"/>
      <c r="O436" s="314"/>
    </row>
    <row r="437" spans="1:16">
      <c r="C437" s="1491" t="s">
        <v>6</v>
      </c>
      <c r="D437" s="1491"/>
      <c r="E437" s="1491"/>
      <c r="F437" s="1491"/>
      <c r="G437" s="1491"/>
      <c r="H437" s="1491"/>
      <c r="I437" s="1491"/>
      <c r="J437" s="1491"/>
      <c r="K437" s="1491"/>
      <c r="L437" s="1491"/>
      <c r="M437" s="1491"/>
      <c r="N437" s="1491"/>
      <c r="O437" s="1491"/>
    </row>
    <row r="438" spans="1:16">
      <c r="C438" s="1491"/>
      <c r="D438" s="1491"/>
      <c r="E438" s="1491"/>
      <c r="F438" s="1491"/>
      <c r="G438" s="1491"/>
      <c r="H438" s="1491"/>
      <c r="I438" s="1491"/>
      <c r="J438" s="1491"/>
      <c r="K438" s="1491"/>
      <c r="L438" s="1491"/>
      <c r="M438" s="1491"/>
      <c r="N438" s="1491"/>
      <c r="O438" s="1491"/>
    </row>
    <row r="439" spans="1:16">
      <c r="B439" s="348"/>
      <c r="C439" s="314"/>
      <c r="D439" s="539"/>
      <c r="E439" s="314"/>
      <c r="F439" s="314"/>
      <c r="G439" s="314"/>
      <c r="H439" s="709"/>
      <c r="I439" s="314"/>
      <c r="J439" s="426"/>
      <c r="K439" s="314"/>
      <c r="L439" s="314"/>
      <c r="M439" s="314"/>
      <c r="N439" s="314"/>
      <c r="O439" s="314"/>
    </row>
    <row r="440" spans="1:16" ht="20.25">
      <c r="A440" s="738" t="str">
        <f>""&amp;A364&amp;" Worksheet J -  ATRR PROJECTED Calculation for PJM Projects Charged to Benefiting Zones"</f>
        <v xml:space="preserve"> Worksheet J -  ATRR PROJECTED Calculation for PJM Projects Charged to Benefiting Zones</v>
      </c>
      <c r="B440" s="348"/>
      <c r="C440" s="726"/>
      <c r="D440" s="539"/>
      <c r="E440" s="314"/>
      <c r="F440" s="708"/>
      <c r="G440" s="314"/>
      <c r="H440" s="709"/>
      <c r="K440" s="565"/>
      <c r="L440" s="565"/>
      <c r="M440" s="565"/>
      <c r="N440" s="654" t="str">
        <f>"Page "&amp;SUM(P$8:P440)&amp;" of "</f>
        <v xml:space="preserve">Page 6 of </v>
      </c>
      <c r="O440" s="655">
        <f>COUNT(P$8:P$56656)</f>
        <v>11</v>
      </c>
      <c r="P440" s="173">
        <v>1</v>
      </c>
    </row>
    <row r="441" spans="1:16" ht="20.25">
      <c r="A441" s="738"/>
      <c r="B441" s="348"/>
      <c r="C441" s="726"/>
      <c r="D441" s="539"/>
      <c r="E441" s="314"/>
      <c r="F441" s="708"/>
      <c r="G441" s="314"/>
      <c r="H441" s="709"/>
      <c r="K441" s="565"/>
      <c r="L441" s="565"/>
      <c r="M441" s="565"/>
      <c r="N441" s="654"/>
      <c r="O441" s="655"/>
    </row>
    <row r="442" spans="1:16" ht="18">
      <c r="B442" s="658" t="s">
        <v>474</v>
      </c>
      <c r="C442" s="740" t="s">
        <v>93</v>
      </c>
      <c r="D442" s="539"/>
      <c r="E442" s="314"/>
      <c r="F442" s="314"/>
      <c r="G442" s="314"/>
      <c r="H442" s="709"/>
      <c r="I442" s="709"/>
      <c r="J442" s="731"/>
      <c r="K442" s="709"/>
      <c r="L442" s="709"/>
      <c r="M442" s="709"/>
      <c r="N442" s="709"/>
      <c r="O442" s="314"/>
    </row>
    <row r="443" spans="1:16" ht="18.75">
      <c r="B443" s="658"/>
      <c r="C443" s="657"/>
      <c r="D443" s="539"/>
      <c r="E443" s="314"/>
      <c r="F443" s="314"/>
      <c r="G443" s="314"/>
      <c r="H443" s="709"/>
      <c r="I443" s="709"/>
      <c r="J443" s="731"/>
      <c r="K443" s="709"/>
      <c r="L443" s="709"/>
      <c r="M443" s="709"/>
      <c r="N443" s="709"/>
      <c r="O443" s="314"/>
    </row>
    <row r="444" spans="1:16" ht="18.75">
      <c r="B444" s="658"/>
      <c r="C444" s="657" t="s">
        <v>94</v>
      </c>
      <c r="D444" s="539"/>
      <c r="E444" s="314"/>
      <c r="F444" s="314"/>
      <c r="G444" s="314"/>
      <c r="H444" s="709"/>
      <c r="I444" s="709"/>
      <c r="J444" s="731"/>
      <c r="K444" s="709"/>
      <c r="L444" s="709"/>
      <c r="M444" s="709"/>
      <c r="N444" s="709"/>
      <c r="O444" s="314"/>
    </row>
    <row r="445" spans="1:16" ht="15.75" thickBot="1">
      <c r="C445" s="240"/>
      <c r="D445" s="539"/>
      <c r="E445" s="314"/>
      <c r="F445" s="314"/>
      <c r="G445" s="314"/>
      <c r="H445" s="709"/>
      <c r="I445" s="709"/>
      <c r="J445" s="731"/>
      <c r="K445" s="709"/>
      <c r="L445" s="709"/>
      <c r="M445" s="709"/>
      <c r="N445" s="709"/>
      <c r="O445" s="314"/>
    </row>
    <row r="446" spans="1:16" ht="15.75">
      <c r="C446" s="660" t="s">
        <v>95</v>
      </c>
      <c r="D446" s="539"/>
      <c r="E446" s="314"/>
      <c r="F446" s="314"/>
      <c r="G446" s="807"/>
      <c r="H446" s="314" t="s">
        <v>74</v>
      </c>
      <c r="I446" s="314"/>
      <c r="J446" s="426"/>
      <c r="K446" s="741" t="s">
        <v>99</v>
      </c>
      <c r="L446" s="742"/>
      <c r="M446" s="743"/>
      <c r="N446" s="744">
        <f>IF(I452=0,0,VLOOKUP(I452,C459:O518,5))</f>
        <v>11936440.649508858</v>
      </c>
      <c r="O446" s="314"/>
    </row>
    <row r="447" spans="1:16" ht="15.75">
      <c r="C447" s="660"/>
      <c r="D447" s="539"/>
      <c r="E447" s="314"/>
      <c r="F447" s="314"/>
      <c r="G447" s="314"/>
      <c r="H447" s="745"/>
      <c r="I447" s="745"/>
      <c r="J447" s="746"/>
      <c r="K447" s="747" t="s">
        <v>100</v>
      </c>
      <c r="L447" s="748"/>
      <c r="M447" s="426"/>
      <c r="N447" s="749">
        <f>IF(I452=0,0,VLOOKUP(I452,C459:O518,6))</f>
        <v>11936440.649508858</v>
      </c>
      <c r="O447" s="314"/>
    </row>
    <row r="448" spans="1:16" ht="13.5" thickBot="1">
      <c r="C448" s="750" t="s">
        <v>96</v>
      </c>
      <c r="D448" s="1489" t="s">
        <v>826</v>
      </c>
      <c r="E448" s="1489"/>
      <c r="F448" s="1489"/>
      <c r="G448" s="1489"/>
      <c r="H448" s="1489"/>
      <c r="I448" s="1489"/>
      <c r="J448" s="731"/>
      <c r="K448" s="751" t="s">
        <v>238</v>
      </c>
      <c r="L448" s="752"/>
      <c r="M448" s="752"/>
      <c r="N448" s="753">
        <f>+N447-N446</f>
        <v>0</v>
      </c>
      <c r="O448" s="314"/>
    </row>
    <row r="449" spans="2:15">
      <c r="C449" s="754"/>
      <c r="D449" s="1489"/>
      <c r="E449" s="1489"/>
      <c r="F449" s="1489"/>
      <c r="G449" s="1489"/>
      <c r="H449" s="1489"/>
      <c r="I449" s="1489"/>
      <c r="J449" s="731"/>
      <c r="K449" s="709"/>
      <c r="L449" s="709"/>
      <c r="M449" s="709"/>
      <c r="N449" s="709"/>
      <c r="O449" s="314"/>
    </row>
    <row r="450" spans="2:15" ht="13.5" thickBot="1">
      <c r="C450" s="757"/>
      <c r="D450" s="758"/>
      <c r="E450" s="756"/>
      <c r="F450" s="756"/>
      <c r="G450" s="756"/>
      <c r="H450" s="756"/>
      <c r="I450" s="756"/>
      <c r="J450" s="759"/>
      <c r="K450" s="756"/>
      <c r="L450" s="756"/>
      <c r="M450" s="756"/>
      <c r="N450" s="756"/>
      <c r="O450" s="348"/>
    </row>
    <row r="451" spans="2:15" ht="13.5" thickBot="1">
      <c r="C451" s="760" t="s">
        <v>97</v>
      </c>
      <c r="D451" s="761"/>
      <c r="E451" s="761"/>
      <c r="F451" s="761"/>
      <c r="G451" s="761"/>
      <c r="H451" s="761"/>
      <c r="I451" s="762"/>
      <c r="J451" s="763"/>
      <c r="K451" s="314"/>
      <c r="L451" s="314"/>
      <c r="M451" s="314"/>
      <c r="N451" s="314"/>
      <c r="O451" s="764"/>
    </row>
    <row r="452" spans="2:15" ht="15">
      <c r="C452" s="765" t="s">
        <v>75</v>
      </c>
      <c r="D452" s="809">
        <v>99133366.299999997</v>
      </c>
      <c r="E452" s="726" t="s">
        <v>76</v>
      </c>
      <c r="G452" s="766"/>
      <c r="H452" s="766"/>
      <c r="I452" s="767">
        <f>$L$26</f>
        <v>2021</v>
      </c>
      <c r="J452" s="555"/>
      <c r="K452" s="1490" t="s">
        <v>247</v>
      </c>
      <c r="L452" s="1490"/>
      <c r="M452" s="1490"/>
      <c r="N452" s="1490"/>
      <c r="O452" s="1490"/>
    </row>
    <row r="453" spans="2:15">
      <c r="C453" s="765" t="s">
        <v>78</v>
      </c>
      <c r="D453" s="810">
        <v>2016</v>
      </c>
      <c r="E453" s="765" t="s">
        <v>79</v>
      </c>
      <c r="F453" s="766"/>
      <c r="H453" s="173"/>
      <c r="I453" s="811">
        <f>IF(G446="",0,$F$17)</f>
        <v>0</v>
      </c>
      <c r="J453" s="768"/>
      <c r="K453" s="731" t="s">
        <v>247</v>
      </c>
    </row>
    <row r="454" spans="2:15">
      <c r="C454" s="765" t="s">
        <v>80</v>
      </c>
      <c r="D454" s="809">
        <v>6</v>
      </c>
      <c r="E454" s="765" t="s">
        <v>81</v>
      </c>
      <c r="F454" s="766"/>
      <c r="H454" s="173"/>
      <c r="I454" s="769">
        <f>$G$70</f>
        <v>0.10870318164951323</v>
      </c>
      <c r="J454" s="770"/>
      <c r="K454" s="173" t="str">
        <f>"          INPUT PROJECTED ARR (WITH &amp; WITHOUT INCENTIVES) FROM EACH PRIOR YEAR"</f>
        <v xml:space="preserve">          INPUT PROJECTED ARR (WITH &amp; WITHOUT INCENTIVES) FROM EACH PRIOR YEAR</v>
      </c>
    </row>
    <row r="455" spans="2:15">
      <c r="C455" s="765" t="s">
        <v>82</v>
      </c>
      <c r="D455" s="771">
        <f>$G$79</f>
        <v>39</v>
      </c>
      <c r="E455" s="765" t="s">
        <v>83</v>
      </c>
      <c r="F455" s="766"/>
      <c r="H455" s="173"/>
      <c r="I455" s="769">
        <f>IF(G446="",I454,$G$69)</f>
        <v>0.10870318164951323</v>
      </c>
      <c r="J455" s="772"/>
      <c r="K455" s="173" t="s">
        <v>160</v>
      </c>
    </row>
    <row r="456" spans="2:15" ht="13.5" thickBot="1">
      <c r="C456" s="765" t="s">
        <v>84</v>
      </c>
      <c r="D456" s="808" t="s">
        <v>819</v>
      </c>
      <c r="E456" s="773" t="s">
        <v>85</v>
      </c>
      <c r="F456" s="774"/>
      <c r="G456" s="775"/>
      <c r="H456" s="775"/>
      <c r="I456" s="753">
        <f>IF(D452=0,0,D452/D455)</f>
        <v>2541881.1871794872</v>
      </c>
      <c r="J456" s="731"/>
      <c r="K456" s="731" t="s">
        <v>166</v>
      </c>
      <c r="L456" s="731"/>
      <c r="M456" s="731"/>
      <c r="N456" s="731"/>
      <c r="O456" s="426"/>
    </row>
    <row r="457" spans="2:15" ht="51">
      <c r="B457" s="846"/>
      <c r="C457" s="776" t="s">
        <v>75</v>
      </c>
      <c r="D457" s="777" t="s">
        <v>86</v>
      </c>
      <c r="E457" s="778" t="s">
        <v>87</v>
      </c>
      <c r="F457" s="777" t="s">
        <v>88</v>
      </c>
      <c r="G457" s="778" t="s">
        <v>159</v>
      </c>
      <c r="H457" s="779" t="s">
        <v>159</v>
      </c>
      <c r="I457" s="776" t="s">
        <v>98</v>
      </c>
      <c r="J457" s="780"/>
      <c r="K457" s="778" t="s">
        <v>168</v>
      </c>
      <c r="L457" s="781"/>
      <c r="M457" s="778" t="s">
        <v>168</v>
      </c>
      <c r="N457" s="781"/>
      <c r="O457" s="781"/>
    </row>
    <row r="458" spans="2:15" ht="13.5" thickBot="1">
      <c r="C458" s="782" t="s">
        <v>477</v>
      </c>
      <c r="D458" s="783" t="s">
        <v>478</v>
      </c>
      <c r="E458" s="782" t="s">
        <v>371</v>
      </c>
      <c r="F458" s="783" t="s">
        <v>478</v>
      </c>
      <c r="G458" s="784" t="s">
        <v>101</v>
      </c>
      <c r="H458" s="785" t="s">
        <v>103</v>
      </c>
      <c r="I458" s="786" t="s">
        <v>15</v>
      </c>
      <c r="J458" s="787"/>
      <c r="K458" s="784" t="s">
        <v>90</v>
      </c>
      <c r="L458" s="788"/>
      <c r="M458" s="784" t="s">
        <v>103</v>
      </c>
      <c r="N458" s="788"/>
      <c r="O458" s="788"/>
    </row>
    <row r="459" spans="2:15">
      <c r="C459" s="789">
        <f>IF(D453= "","-",D453)</f>
        <v>2016</v>
      </c>
      <c r="D459" s="737">
        <f>+D452</f>
        <v>99133366.299999997</v>
      </c>
      <c r="E459" s="790">
        <f>+I456/12*(12-D454)</f>
        <v>1270940.5935897436</v>
      </c>
      <c r="F459" s="737">
        <f>+D459-E459</f>
        <v>97862425.706410259</v>
      </c>
      <c r="G459" s="999">
        <f>+$I$96*((D459+F459)/2)+E459</f>
        <v>11977975.274921013</v>
      </c>
      <c r="H459" s="1000">
        <f>$I$97*((D459+F459)/2)+E459</f>
        <v>11977975.274921013</v>
      </c>
      <c r="I459" s="793">
        <f>+H459-G459</f>
        <v>0</v>
      </c>
      <c r="J459" s="793"/>
      <c r="K459" s="812">
        <v>8211582</v>
      </c>
      <c r="L459" s="794"/>
      <c r="M459" s="812">
        <v>8211582</v>
      </c>
      <c r="N459" s="794"/>
      <c r="O459" s="794"/>
    </row>
    <row r="460" spans="2:15">
      <c r="C460" s="789">
        <f>IF(D453="","-",+C459+1)</f>
        <v>2017</v>
      </c>
      <c r="D460" s="737">
        <f t="shared" ref="D460:D518" si="24">F459</f>
        <v>97862425.706410259</v>
      </c>
      <c r="E460" s="790">
        <f>IF(D460&gt;$I$456,$I$456,D460)</f>
        <v>2541881.1871794872</v>
      </c>
      <c r="F460" s="737">
        <f t="shared" ref="F460:F518" si="25">+D460-E460</f>
        <v>95320544.519230768</v>
      </c>
      <c r="G460" s="795">
        <f t="shared" ref="G460:G518" si="26">+$I$96*((D460+F460)/2)+E460</f>
        <v>13041682.939194668</v>
      </c>
      <c r="H460" s="796">
        <f t="shared" ref="H460:H518" si="27">$I$97*((D460+F460)/2)+E460</f>
        <v>13041682.939194668</v>
      </c>
      <c r="I460" s="793">
        <f t="shared" ref="I460:I518" si="28">+H460-G460</f>
        <v>0</v>
      </c>
      <c r="J460" s="793"/>
      <c r="K460" s="813">
        <v>9400319</v>
      </c>
      <c r="L460" s="797"/>
      <c r="M460" s="813">
        <v>9400319</v>
      </c>
      <c r="N460" s="797"/>
      <c r="O460" s="797"/>
    </row>
    <row r="461" spans="2:15">
      <c r="C461" s="1338">
        <f>IF(D453="","-",+C460+1)</f>
        <v>2018</v>
      </c>
      <c r="D461" s="737">
        <f t="shared" si="24"/>
        <v>95320544.519230768</v>
      </c>
      <c r="E461" s="790">
        <f t="shared" ref="E461:E518" si="29">IF(D461&gt;$I$456,$I$456,D461)</f>
        <v>2541881.1871794872</v>
      </c>
      <c r="F461" s="737">
        <f t="shared" si="25"/>
        <v>92778663.332051277</v>
      </c>
      <c r="G461" s="795">
        <f t="shared" si="26"/>
        <v>12765372.366773216</v>
      </c>
      <c r="H461" s="796">
        <f t="shared" si="27"/>
        <v>12765372.366773216</v>
      </c>
      <c r="I461" s="793">
        <f t="shared" si="28"/>
        <v>0</v>
      </c>
      <c r="J461" s="793"/>
      <c r="K461" s="813">
        <v>11231831</v>
      </c>
      <c r="L461" s="797"/>
      <c r="M461" s="813">
        <v>11231831</v>
      </c>
      <c r="N461" s="797"/>
      <c r="O461" s="797"/>
    </row>
    <row r="462" spans="2:15">
      <c r="C462" s="1338">
        <f>IF(D453="","-",+C461+1)</f>
        <v>2019</v>
      </c>
      <c r="D462" s="737">
        <f t="shared" si="24"/>
        <v>92778663.332051277</v>
      </c>
      <c r="E462" s="790">
        <f t="shared" si="29"/>
        <v>2541881.1871794872</v>
      </c>
      <c r="F462" s="737">
        <f t="shared" si="25"/>
        <v>90236782.144871786</v>
      </c>
      <c r="G462" s="795">
        <f t="shared" si="26"/>
        <v>12489061.794351762</v>
      </c>
      <c r="H462" s="796">
        <f t="shared" si="27"/>
        <v>12489061.794351762</v>
      </c>
      <c r="I462" s="793">
        <f t="shared" si="28"/>
        <v>0</v>
      </c>
      <c r="J462" s="793"/>
      <c r="K462" s="813">
        <v>11864824.529230755</v>
      </c>
      <c r="L462" s="797"/>
      <c r="M462" s="813">
        <v>11864824.529230755</v>
      </c>
      <c r="N462" s="797"/>
      <c r="O462" s="797"/>
    </row>
    <row r="463" spans="2:15">
      <c r="C463" s="1338">
        <f>IF(D453="","-",+C462+1)</f>
        <v>2020</v>
      </c>
      <c r="D463" s="737">
        <f t="shared" si="24"/>
        <v>90236782.144871786</v>
      </c>
      <c r="E463" s="790">
        <f t="shared" si="29"/>
        <v>2541881.1871794872</v>
      </c>
      <c r="F463" s="737">
        <f t="shared" si="25"/>
        <v>87694900.957692295</v>
      </c>
      <c r="G463" s="795">
        <f t="shared" si="26"/>
        <v>12212751.221930312</v>
      </c>
      <c r="H463" s="796">
        <f t="shared" si="27"/>
        <v>12212751.221930312</v>
      </c>
      <c r="I463" s="793">
        <f t="shared" si="28"/>
        <v>0</v>
      </c>
      <c r="J463" s="793"/>
      <c r="K463" s="813">
        <v>12033066.013124375</v>
      </c>
      <c r="L463" s="797"/>
      <c r="M463" s="813">
        <v>12033066.013124375</v>
      </c>
      <c r="N463" s="797"/>
      <c r="O463" s="797"/>
    </row>
    <row r="464" spans="2:15">
      <c r="C464" s="1315">
        <f>IF(D453="","-",+C463+1)</f>
        <v>2021</v>
      </c>
      <c r="D464" s="737">
        <f t="shared" si="24"/>
        <v>87694900.957692295</v>
      </c>
      <c r="E464" s="790">
        <f t="shared" si="29"/>
        <v>2541881.1871794872</v>
      </c>
      <c r="F464" s="737">
        <f t="shared" si="25"/>
        <v>85153019.770512804</v>
      </c>
      <c r="G464" s="795">
        <f t="shared" si="26"/>
        <v>11936440.649508858</v>
      </c>
      <c r="H464" s="796">
        <f t="shared" si="27"/>
        <v>11936440.649508858</v>
      </c>
      <c r="I464" s="793">
        <f t="shared" si="28"/>
        <v>0</v>
      </c>
      <c r="J464" s="793"/>
      <c r="K464" s="813"/>
      <c r="L464" s="797"/>
      <c r="M464" s="813"/>
      <c r="N464" s="797"/>
      <c r="O464" s="797"/>
    </row>
    <row r="465" spans="3:15">
      <c r="C465" s="789">
        <f>IF(D453="","-",+C464+1)</f>
        <v>2022</v>
      </c>
      <c r="D465" s="737">
        <f t="shared" si="24"/>
        <v>85153019.770512804</v>
      </c>
      <c r="E465" s="790">
        <f t="shared" si="29"/>
        <v>2541881.1871794872</v>
      </c>
      <c r="F465" s="737">
        <f t="shared" si="25"/>
        <v>82611138.583333313</v>
      </c>
      <c r="G465" s="795">
        <f t="shared" si="26"/>
        <v>11660130.077087406</v>
      </c>
      <c r="H465" s="796">
        <f t="shared" si="27"/>
        <v>11660130.077087406</v>
      </c>
      <c r="I465" s="793">
        <f t="shared" si="28"/>
        <v>0</v>
      </c>
      <c r="J465" s="793"/>
      <c r="K465" s="813"/>
      <c r="L465" s="797"/>
      <c r="M465" s="813"/>
      <c r="N465" s="797"/>
      <c r="O465" s="797"/>
    </row>
    <row r="466" spans="3:15">
      <c r="C466" s="789">
        <f>IF(D453="","-",+C465+1)</f>
        <v>2023</v>
      </c>
      <c r="D466" s="737">
        <f t="shared" si="24"/>
        <v>82611138.583333313</v>
      </c>
      <c r="E466" s="790">
        <f t="shared" si="29"/>
        <v>2541881.1871794872</v>
      </c>
      <c r="F466" s="737">
        <f t="shared" si="25"/>
        <v>80069257.396153823</v>
      </c>
      <c r="G466" s="795">
        <f t="shared" si="26"/>
        <v>11383819.504665952</v>
      </c>
      <c r="H466" s="796">
        <f t="shared" si="27"/>
        <v>11383819.504665952</v>
      </c>
      <c r="I466" s="793">
        <f t="shared" si="28"/>
        <v>0</v>
      </c>
      <c r="J466" s="793"/>
      <c r="K466" s="813"/>
      <c r="L466" s="797"/>
      <c r="M466" s="813"/>
      <c r="N466" s="797"/>
      <c r="O466" s="797"/>
    </row>
    <row r="467" spans="3:15">
      <c r="C467" s="789">
        <f>IF(D453="","-",+C466+1)</f>
        <v>2024</v>
      </c>
      <c r="D467" s="737">
        <f t="shared" si="24"/>
        <v>80069257.396153823</v>
      </c>
      <c r="E467" s="790">
        <f t="shared" si="29"/>
        <v>2541881.1871794872</v>
      </c>
      <c r="F467" s="737">
        <f t="shared" si="25"/>
        <v>77527376.208974332</v>
      </c>
      <c r="G467" s="795">
        <f t="shared" si="26"/>
        <v>11107508.932244502</v>
      </c>
      <c r="H467" s="796">
        <f t="shared" si="27"/>
        <v>11107508.932244502</v>
      </c>
      <c r="I467" s="793">
        <f t="shared" si="28"/>
        <v>0</v>
      </c>
      <c r="J467" s="793"/>
      <c r="K467" s="813"/>
      <c r="L467" s="797"/>
      <c r="M467" s="813"/>
      <c r="N467" s="797"/>
      <c r="O467" s="797"/>
    </row>
    <row r="468" spans="3:15">
      <c r="C468" s="789">
        <f>IF(D453="","-",+C467+1)</f>
        <v>2025</v>
      </c>
      <c r="D468" s="737">
        <f t="shared" si="24"/>
        <v>77527376.208974332</v>
      </c>
      <c r="E468" s="790">
        <f t="shared" si="29"/>
        <v>2541881.1871794872</v>
      </c>
      <c r="F468" s="737">
        <f t="shared" si="25"/>
        <v>74985495.021794841</v>
      </c>
      <c r="G468" s="795">
        <f t="shared" si="26"/>
        <v>10831198.359823048</v>
      </c>
      <c r="H468" s="796">
        <f t="shared" si="27"/>
        <v>10831198.359823048</v>
      </c>
      <c r="I468" s="793">
        <f t="shared" si="28"/>
        <v>0</v>
      </c>
      <c r="J468" s="793"/>
      <c r="K468" s="813"/>
      <c r="L468" s="797"/>
      <c r="M468" s="813"/>
      <c r="N468" s="797"/>
      <c r="O468" s="797"/>
    </row>
    <row r="469" spans="3:15">
      <c r="C469" s="789">
        <f>IF(D453="","-",+C468+1)</f>
        <v>2026</v>
      </c>
      <c r="D469" s="737">
        <f t="shared" si="24"/>
        <v>74985495.021794841</v>
      </c>
      <c r="E469" s="790">
        <f t="shared" si="29"/>
        <v>2541881.1871794872</v>
      </c>
      <c r="F469" s="737">
        <f t="shared" si="25"/>
        <v>72443613.83461535</v>
      </c>
      <c r="G469" s="795">
        <f t="shared" si="26"/>
        <v>10554887.787401596</v>
      </c>
      <c r="H469" s="796">
        <f t="shared" si="27"/>
        <v>10554887.787401596</v>
      </c>
      <c r="I469" s="793">
        <f t="shared" si="28"/>
        <v>0</v>
      </c>
      <c r="J469" s="793"/>
      <c r="K469" s="813"/>
      <c r="L469" s="797"/>
      <c r="M469" s="813"/>
      <c r="N469" s="797"/>
      <c r="O469" s="797"/>
    </row>
    <row r="470" spans="3:15">
      <c r="C470" s="789">
        <f>IF(D453="","-",+C469+1)</f>
        <v>2027</v>
      </c>
      <c r="D470" s="737">
        <f t="shared" si="24"/>
        <v>72443613.83461535</v>
      </c>
      <c r="E470" s="790">
        <f t="shared" si="29"/>
        <v>2541881.1871794872</v>
      </c>
      <c r="F470" s="737">
        <f t="shared" si="25"/>
        <v>69901732.647435859</v>
      </c>
      <c r="G470" s="795">
        <f t="shared" si="26"/>
        <v>10278577.214980142</v>
      </c>
      <c r="H470" s="796">
        <f t="shared" si="27"/>
        <v>10278577.214980142</v>
      </c>
      <c r="I470" s="793">
        <f t="shared" si="28"/>
        <v>0</v>
      </c>
      <c r="J470" s="793"/>
      <c r="K470" s="813"/>
      <c r="L470" s="797"/>
      <c r="M470" s="813"/>
      <c r="N470" s="797"/>
      <c r="O470" s="797"/>
    </row>
    <row r="471" spans="3:15">
      <c r="C471" s="789">
        <f>IF(D453="","-",+C470+1)</f>
        <v>2028</v>
      </c>
      <c r="D471" s="737">
        <f t="shared" si="24"/>
        <v>69901732.647435859</v>
      </c>
      <c r="E471" s="790">
        <f t="shared" si="29"/>
        <v>2541881.1871794872</v>
      </c>
      <c r="F471" s="737">
        <f t="shared" si="25"/>
        <v>67359851.460256368</v>
      </c>
      <c r="G471" s="795">
        <f t="shared" si="26"/>
        <v>10002266.64255869</v>
      </c>
      <c r="H471" s="796">
        <f t="shared" si="27"/>
        <v>10002266.64255869</v>
      </c>
      <c r="I471" s="793">
        <f t="shared" si="28"/>
        <v>0</v>
      </c>
      <c r="J471" s="793"/>
      <c r="K471" s="813"/>
      <c r="L471" s="797"/>
      <c r="M471" s="813"/>
      <c r="N471" s="798"/>
      <c r="O471" s="797"/>
    </row>
    <row r="472" spans="3:15">
      <c r="C472" s="789">
        <f>IF(D453="","-",+C471+1)</f>
        <v>2029</v>
      </c>
      <c r="D472" s="737">
        <f t="shared" si="24"/>
        <v>67359851.460256368</v>
      </c>
      <c r="E472" s="790">
        <f t="shared" si="29"/>
        <v>2541881.1871794872</v>
      </c>
      <c r="F472" s="737">
        <f t="shared" si="25"/>
        <v>64817970.273076877</v>
      </c>
      <c r="G472" s="795">
        <f t="shared" si="26"/>
        <v>9725956.0701372381</v>
      </c>
      <c r="H472" s="796">
        <f t="shared" si="27"/>
        <v>9725956.0701372381</v>
      </c>
      <c r="I472" s="793">
        <f t="shared" si="28"/>
        <v>0</v>
      </c>
      <c r="J472" s="793"/>
      <c r="K472" s="813"/>
      <c r="L472" s="797"/>
      <c r="M472" s="813"/>
      <c r="N472" s="797"/>
      <c r="O472" s="797"/>
    </row>
    <row r="473" spans="3:15">
      <c r="C473" s="789">
        <f>IF(D453="","-",+C472+1)</f>
        <v>2030</v>
      </c>
      <c r="D473" s="737">
        <f t="shared" si="24"/>
        <v>64817970.273076877</v>
      </c>
      <c r="E473" s="790">
        <f t="shared" si="29"/>
        <v>2541881.1871794872</v>
      </c>
      <c r="F473" s="737">
        <f t="shared" si="25"/>
        <v>62276089.085897386</v>
      </c>
      <c r="G473" s="795">
        <f t="shared" si="26"/>
        <v>9449645.4977157861</v>
      </c>
      <c r="H473" s="796">
        <f t="shared" si="27"/>
        <v>9449645.4977157861</v>
      </c>
      <c r="I473" s="793">
        <f t="shared" si="28"/>
        <v>0</v>
      </c>
      <c r="J473" s="793"/>
      <c r="K473" s="813"/>
      <c r="L473" s="797"/>
      <c r="M473" s="813"/>
      <c r="N473" s="797"/>
      <c r="O473" s="797"/>
    </row>
    <row r="474" spans="3:15">
      <c r="C474" s="789">
        <f>IF(D453="","-",+C473+1)</f>
        <v>2031</v>
      </c>
      <c r="D474" s="737">
        <f t="shared" si="24"/>
        <v>62276089.085897386</v>
      </c>
      <c r="E474" s="790">
        <f t="shared" si="29"/>
        <v>2541881.1871794872</v>
      </c>
      <c r="F474" s="737">
        <f t="shared" si="25"/>
        <v>59734207.898717895</v>
      </c>
      <c r="G474" s="795">
        <f t="shared" si="26"/>
        <v>9173334.9252943322</v>
      </c>
      <c r="H474" s="796">
        <f t="shared" si="27"/>
        <v>9173334.9252943322</v>
      </c>
      <c r="I474" s="793">
        <f t="shared" si="28"/>
        <v>0</v>
      </c>
      <c r="J474" s="793"/>
      <c r="K474" s="813"/>
      <c r="L474" s="797"/>
      <c r="M474" s="813"/>
      <c r="N474" s="797"/>
      <c r="O474" s="797"/>
    </row>
    <row r="475" spans="3:15">
      <c r="C475" s="789">
        <f>IF(D453="","-",+C474+1)</f>
        <v>2032</v>
      </c>
      <c r="D475" s="737">
        <f t="shared" si="24"/>
        <v>59734207.898717895</v>
      </c>
      <c r="E475" s="790">
        <f t="shared" si="29"/>
        <v>2541881.1871794872</v>
      </c>
      <c r="F475" s="737">
        <f t="shared" si="25"/>
        <v>57192326.711538404</v>
      </c>
      <c r="G475" s="795">
        <f t="shared" si="26"/>
        <v>8897024.3528728802</v>
      </c>
      <c r="H475" s="796">
        <f t="shared" si="27"/>
        <v>8897024.3528728802</v>
      </c>
      <c r="I475" s="793">
        <f t="shared" si="28"/>
        <v>0</v>
      </c>
      <c r="J475" s="793"/>
      <c r="K475" s="813"/>
      <c r="L475" s="797"/>
      <c r="M475" s="813"/>
      <c r="N475" s="797"/>
      <c r="O475" s="797"/>
    </row>
    <row r="476" spans="3:15">
      <c r="C476" s="789">
        <f>IF(D453="","-",+C475+1)</f>
        <v>2033</v>
      </c>
      <c r="D476" s="737">
        <f t="shared" si="24"/>
        <v>57192326.711538404</v>
      </c>
      <c r="E476" s="790">
        <f t="shared" si="29"/>
        <v>2541881.1871794872</v>
      </c>
      <c r="F476" s="737">
        <f t="shared" si="25"/>
        <v>54650445.524358913</v>
      </c>
      <c r="G476" s="795">
        <f t="shared" si="26"/>
        <v>8620713.7804514281</v>
      </c>
      <c r="H476" s="796">
        <f t="shared" si="27"/>
        <v>8620713.7804514281</v>
      </c>
      <c r="I476" s="793">
        <f t="shared" si="28"/>
        <v>0</v>
      </c>
      <c r="J476" s="793"/>
      <c r="K476" s="813"/>
      <c r="L476" s="797"/>
      <c r="M476" s="813"/>
      <c r="N476" s="797"/>
      <c r="O476" s="797"/>
    </row>
    <row r="477" spans="3:15">
      <c r="C477" s="789">
        <f>IF(D453="","-",+C476+1)</f>
        <v>2034</v>
      </c>
      <c r="D477" s="737">
        <f t="shared" si="24"/>
        <v>54650445.524358913</v>
      </c>
      <c r="E477" s="790">
        <f t="shared" si="29"/>
        <v>2541881.1871794872</v>
      </c>
      <c r="F477" s="737">
        <f t="shared" si="25"/>
        <v>52108564.337179422</v>
      </c>
      <c r="G477" s="795">
        <f t="shared" si="26"/>
        <v>8344403.2080299752</v>
      </c>
      <c r="H477" s="796">
        <f t="shared" si="27"/>
        <v>8344403.2080299752</v>
      </c>
      <c r="I477" s="793">
        <f t="shared" si="28"/>
        <v>0</v>
      </c>
      <c r="J477" s="793"/>
      <c r="K477" s="813"/>
      <c r="L477" s="797"/>
      <c r="M477" s="813"/>
      <c r="N477" s="797"/>
      <c r="O477" s="797"/>
    </row>
    <row r="478" spans="3:15">
      <c r="C478" s="789">
        <f>IF(D453="","-",+C477+1)</f>
        <v>2035</v>
      </c>
      <c r="D478" s="737">
        <f t="shared" si="24"/>
        <v>52108564.337179422</v>
      </c>
      <c r="E478" s="790">
        <f t="shared" si="29"/>
        <v>2541881.1871794872</v>
      </c>
      <c r="F478" s="737">
        <f t="shared" si="25"/>
        <v>49566683.149999931</v>
      </c>
      <c r="G478" s="795">
        <f t="shared" si="26"/>
        <v>8068092.6356085222</v>
      </c>
      <c r="H478" s="796">
        <f t="shared" si="27"/>
        <v>8068092.6356085222</v>
      </c>
      <c r="I478" s="793">
        <f t="shared" si="28"/>
        <v>0</v>
      </c>
      <c r="J478" s="793"/>
      <c r="K478" s="813"/>
      <c r="L478" s="797"/>
      <c r="M478" s="813"/>
      <c r="N478" s="797"/>
      <c r="O478" s="797"/>
    </row>
    <row r="479" spans="3:15">
      <c r="C479" s="789">
        <f>IF(D453="","-",+C478+1)</f>
        <v>2036</v>
      </c>
      <c r="D479" s="737">
        <f t="shared" si="24"/>
        <v>49566683.149999931</v>
      </c>
      <c r="E479" s="790">
        <f t="shared" si="29"/>
        <v>2541881.1871794872</v>
      </c>
      <c r="F479" s="737">
        <f t="shared" si="25"/>
        <v>47024801.962820441</v>
      </c>
      <c r="G479" s="795">
        <f t="shared" si="26"/>
        <v>7791782.0631870702</v>
      </c>
      <c r="H479" s="796">
        <f t="shared" si="27"/>
        <v>7791782.0631870702</v>
      </c>
      <c r="I479" s="793">
        <f t="shared" si="28"/>
        <v>0</v>
      </c>
      <c r="J479" s="793"/>
      <c r="K479" s="813"/>
      <c r="L479" s="797"/>
      <c r="M479" s="813"/>
      <c r="N479" s="797"/>
      <c r="O479" s="797"/>
    </row>
    <row r="480" spans="3:15">
      <c r="C480" s="789">
        <f>IF(D453="","-",+C479+1)</f>
        <v>2037</v>
      </c>
      <c r="D480" s="737">
        <f t="shared" si="24"/>
        <v>47024801.962820441</v>
      </c>
      <c r="E480" s="790">
        <f t="shared" si="29"/>
        <v>2541881.1871794872</v>
      </c>
      <c r="F480" s="737">
        <f t="shared" si="25"/>
        <v>44482920.77564095</v>
      </c>
      <c r="G480" s="795">
        <f t="shared" si="26"/>
        <v>7515471.4907656172</v>
      </c>
      <c r="H480" s="796">
        <f t="shared" si="27"/>
        <v>7515471.4907656172</v>
      </c>
      <c r="I480" s="793">
        <f t="shared" si="28"/>
        <v>0</v>
      </c>
      <c r="J480" s="793"/>
      <c r="K480" s="813"/>
      <c r="L480" s="797"/>
      <c r="M480" s="813"/>
      <c r="N480" s="797"/>
      <c r="O480" s="797"/>
    </row>
    <row r="481" spans="3:15">
      <c r="C481" s="789">
        <f>IF(D453="","-",+C480+1)</f>
        <v>2038</v>
      </c>
      <c r="D481" s="737">
        <f t="shared" si="24"/>
        <v>44482920.77564095</v>
      </c>
      <c r="E481" s="790">
        <f t="shared" si="29"/>
        <v>2541881.1871794872</v>
      </c>
      <c r="F481" s="737">
        <f t="shared" si="25"/>
        <v>41941039.588461459</v>
      </c>
      <c r="G481" s="795">
        <f t="shared" si="26"/>
        <v>7239160.9183441652</v>
      </c>
      <c r="H481" s="796">
        <f t="shared" si="27"/>
        <v>7239160.9183441652</v>
      </c>
      <c r="I481" s="793">
        <f t="shared" si="28"/>
        <v>0</v>
      </c>
      <c r="J481" s="793"/>
      <c r="K481" s="813"/>
      <c r="L481" s="797"/>
      <c r="M481" s="813"/>
      <c r="N481" s="797"/>
      <c r="O481" s="797"/>
    </row>
    <row r="482" spans="3:15">
      <c r="C482" s="789">
        <f>IF(D453="","-",+C481+1)</f>
        <v>2039</v>
      </c>
      <c r="D482" s="737">
        <f t="shared" si="24"/>
        <v>41941039.588461459</v>
      </c>
      <c r="E482" s="790">
        <f t="shared" si="29"/>
        <v>2541881.1871794872</v>
      </c>
      <c r="F482" s="737">
        <f t="shared" si="25"/>
        <v>39399158.401281968</v>
      </c>
      <c r="G482" s="795">
        <f t="shared" si="26"/>
        <v>6962850.3459227122</v>
      </c>
      <c r="H482" s="796">
        <f t="shared" si="27"/>
        <v>6962850.3459227122</v>
      </c>
      <c r="I482" s="793">
        <f t="shared" si="28"/>
        <v>0</v>
      </c>
      <c r="J482" s="793"/>
      <c r="K482" s="813"/>
      <c r="L482" s="797"/>
      <c r="M482" s="813"/>
      <c r="N482" s="797"/>
      <c r="O482" s="797"/>
    </row>
    <row r="483" spans="3:15">
      <c r="C483" s="789">
        <f>IF(D453="","-",+C482+1)</f>
        <v>2040</v>
      </c>
      <c r="D483" s="737">
        <f t="shared" si="24"/>
        <v>39399158.401281968</v>
      </c>
      <c r="E483" s="790">
        <f t="shared" si="29"/>
        <v>2541881.1871794872</v>
      </c>
      <c r="F483" s="737">
        <f t="shared" si="25"/>
        <v>36857277.214102477</v>
      </c>
      <c r="G483" s="795">
        <f t="shared" si="26"/>
        <v>6686539.7735012602</v>
      </c>
      <c r="H483" s="796">
        <f t="shared" si="27"/>
        <v>6686539.7735012602</v>
      </c>
      <c r="I483" s="793">
        <f t="shared" si="28"/>
        <v>0</v>
      </c>
      <c r="J483" s="793"/>
      <c r="K483" s="813"/>
      <c r="L483" s="797"/>
      <c r="M483" s="813"/>
      <c r="N483" s="797"/>
      <c r="O483" s="797"/>
    </row>
    <row r="484" spans="3:15">
      <c r="C484" s="789">
        <f>IF(D453="","-",+C483+1)</f>
        <v>2041</v>
      </c>
      <c r="D484" s="737">
        <f t="shared" si="24"/>
        <v>36857277.214102477</v>
      </c>
      <c r="E484" s="790">
        <f t="shared" si="29"/>
        <v>2541881.1871794872</v>
      </c>
      <c r="F484" s="737">
        <f t="shared" si="25"/>
        <v>34315396.026922986</v>
      </c>
      <c r="G484" s="795">
        <f t="shared" si="26"/>
        <v>6410229.2010798072</v>
      </c>
      <c r="H484" s="796">
        <f t="shared" si="27"/>
        <v>6410229.2010798072</v>
      </c>
      <c r="I484" s="793">
        <f t="shared" si="28"/>
        <v>0</v>
      </c>
      <c r="J484" s="793"/>
      <c r="K484" s="813"/>
      <c r="L484" s="797"/>
      <c r="M484" s="813"/>
      <c r="N484" s="797"/>
      <c r="O484" s="797"/>
    </row>
    <row r="485" spans="3:15">
      <c r="C485" s="789">
        <f>IF(D453="","-",+C484+1)</f>
        <v>2042</v>
      </c>
      <c r="D485" s="737">
        <f t="shared" si="24"/>
        <v>34315396.026922986</v>
      </c>
      <c r="E485" s="790">
        <f t="shared" si="29"/>
        <v>2541881.1871794872</v>
      </c>
      <c r="F485" s="737">
        <f t="shared" si="25"/>
        <v>31773514.839743499</v>
      </c>
      <c r="G485" s="795">
        <f t="shared" si="26"/>
        <v>6133918.6286583543</v>
      </c>
      <c r="H485" s="796">
        <f t="shared" si="27"/>
        <v>6133918.6286583543</v>
      </c>
      <c r="I485" s="793">
        <f t="shared" si="28"/>
        <v>0</v>
      </c>
      <c r="J485" s="793"/>
      <c r="K485" s="813"/>
      <c r="L485" s="797"/>
      <c r="M485" s="813"/>
      <c r="N485" s="797"/>
      <c r="O485" s="797"/>
    </row>
    <row r="486" spans="3:15">
      <c r="C486" s="789">
        <f>IF(D453="","-",+C485+1)</f>
        <v>2043</v>
      </c>
      <c r="D486" s="737">
        <f t="shared" si="24"/>
        <v>31773514.839743499</v>
      </c>
      <c r="E486" s="790">
        <f t="shared" si="29"/>
        <v>2541881.1871794872</v>
      </c>
      <c r="F486" s="737">
        <f t="shared" si="25"/>
        <v>29231633.652564012</v>
      </c>
      <c r="G486" s="795">
        <f t="shared" si="26"/>
        <v>5857608.0562369032</v>
      </c>
      <c r="H486" s="796">
        <f t="shared" si="27"/>
        <v>5857608.0562369032</v>
      </c>
      <c r="I486" s="793">
        <f t="shared" si="28"/>
        <v>0</v>
      </c>
      <c r="J486" s="793"/>
      <c r="K486" s="813"/>
      <c r="L486" s="797"/>
      <c r="M486" s="813"/>
      <c r="N486" s="797"/>
      <c r="O486" s="797"/>
    </row>
    <row r="487" spans="3:15">
      <c r="C487" s="789">
        <f>IF(D453="","-",+C486+1)</f>
        <v>2044</v>
      </c>
      <c r="D487" s="737">
        <f t="shared" si="24"/>
        <v>29231633.652564012</v>
      </c>
      <c r="E487" s="790">
        <f t="shared" si="29"/>
        <v>2541881.1871794872</v>
      </c>
      <c r="F487" s="737">
        <f t="shared" si="25"/>
        <v>26689752.465384524</v>
      </c>
      <c r="G487" s="791">
        <f t="shared" si="26"/>
        <v>5581297.4838154502</v>
      </c>
      <c r="H487" s="796">
        <f t="shared" si="27"/>
        <v>5581297.4838154502</v>
      </c>
      <c r="I487" s="793">
        <f t="shared" si="28"/>
        <v>0</v>
      </c>
      <c r="J487" s="793"/>
      <c r="K487" s="813"/>
      <c r="L487" s="797"/>
      <c r="M487" s="813"/>
      <c r="N487" s="797"/>
      <c r="O487" s="797"/>
    </row>
    <row r="488" spans="3:15">
      <c r="C488" s="789">
        <f>IF(D453="","-",+C487+1)</f>
        <v>2045</v>
      </c>
      <c r="D488" s="737">
        <f t="shared" si="24"/>
        <v>26689752.465384524</v>
      </c>
      <c r="E488" s="790">
        <f t="shared" si="29"/>
        <v>2541881.1871794872</v>
      </c>
      <c r="F488" s="737">
        <f t="shared" si="25"/>
        <v>24147871.278205037</v>
      </c>
      <c r="G488" s="795">
        <f t="shared" si="26"/>
        <v>5304986.9113939982</v>
      </c>
      <c r="H488" s="796">
        <f t="shared" si="27"/>
        <v>5304986.9113939982</v>
      </c>
      <c r="I488" s="793">
        <f t="shared" si="28"/>
        <v>0</v>
      </c>
      <c r="J488" s="793"/>
      <c r="K488" s="813"/>
      <c r="L488" s="797"/>
      <c r="M488" s="813"/>
      <c r="N488" s="797"/>
      <c r="O488" s="797"/>
    </row>
    <row r="489" spans="3:15">
      <c r="C489" s="789">
        <f>IF(D453="","-",+C488+1)</f>
        <v>2046</v>
      </c>
      <c r="D489" s="737">
        <f t="shared" si="24"/>
        <v>24147871.278205037</v>
      </c>
      <c r="E489" s="790">
        <f t="shared" si="29"/>
        <v>2541881.1871794872</v>
      </c>
      <c r="F489" s="737">
        <f t="shared" si="25"/>
        <v>21605990.09102555</v>
      </c>
      <c r="G489" s="795">
        <f t="shared" si="26"/>
        <v>5028676.3389725462</v>
      </c>
      <c r="H489" s="796">
        <f t="shared" si="27"/>
        <v>5028676.3389725462</v>
      </c>
      <c r="I489" s="793">
        <f t="shared" si="28"/>
        <v>0</v>
      </c>
      <c r="J489" s="793"/>
      <c r="K489" s="813"/>
      <c r="L489" s="797"/>
      <c r="M489" s="813"/>
      <c r="N489" s="797"/>
      <c r="O489" s="797"/>
    </row>
    <row r="490" spans="3:15">
      <c r="C490" s="789">
        <f>IF(D453="","-",+C489+1)</f>
        <v>2047</v>
      </c>
      <c r="D490" s="737">
        <f t="shared" si="24"/>
        <v>21605990.09102555</v>
      </c>
      <c r="E490" s="790">
        <f t="shared" si="29"/>
        <v>2541881.1871794872</v>
      </c>
      <c r="F490" s="737">
        <f t="shared" si="25"/>
        <v>19064108.903846063</v>
      </c>
      <c r="G490" s="795">
        <f t="shared" si="26"/>
        <v>4752365.7665510941</v>
      </c>
      <c r="H490" s="796">
        <f t="shared" si="27"/>
        <v>4752365.7665510941</v>
      </c>
      <c r="I490" s="793">
        <f t="shared" si="28"/>
        <v>0</v>
      </c>
      <c r="J490" s="793"/>
      <c r="K490" s="813"/>
      <c r="L490" s="797"/>
      <c r="M490" s="813"/>
      <c r="N490" s="797"/>
      <c r="O490" s="797"/>
    </row>
    <row r="491" spans="3:15">
      <c r="C491" s="789">
        <f>IF(D453="","-",+C490+1)</f>
        <v>2048</v>
      </c>
      <c r="D491" s="737">
        <f t="shared" si="24"/>
        <v>19064108.903846063</v>
      </c>
      <c r="E491" s="790">
        <f t="shared" si="29"/>
        <v>2541881.1871794872</v>
      </c>
      <c r="F491" s="737">
        <f t="shared" si="25"/>
        <v>16522227.716666576</v>
      </c>
      <c r="G491" s="795">
        <f t="shared" si="26"/>
        <v>4476055.1941296421</v>
      </c>
      <c r="H491" s="796">
        <f t="shared" si="27"/>
        <v>4476055.1941296421</v>
      </c>
      <c r="I491" s="793">
        <f t="shared" si="28"/>
        <v>0</v>
      </c>
      <c r="J491" s="793"/>
      <c r="K491" s="813"/>
      <c r="L491" s="797"/>
      <c r="M491" s="813"/>
      <c r="N491" s="797"/>
      <c r="O491" s="797"/>
    </row>
    <row r="492" spans="3:15">
      <c r="C492" s="789">
        <f>IF(D453="","-",+C491+1)</f>
        <v>2049</v>
      </c>
      <c r="D492" s="737">
        <f t="shared" si="24"/>
        <v>16522227.716666576</v>
      </c>
      <c r="E492" s="790">
        <f t="shared" si="29"/>
        <v>2541881.1871794872</v>
      </c>
      <c r="F492" s="737">
        <f t="shared" si="25"/>
        <v>13980346.529487088</v>
      </c>
      <c r="G492" s="795">
        <f t="shared" si="26"/>
        <v>4199744.6217081901</v>
      </c>
      <c r="H492" s="796">
        <f t="shared" si="27"/>
        <v>4199744.6217081901</v>
      </c>
      <c r="I492" s="793">
        <f t="shared" si="28"/>
        <v>0</v>
      </c>
      <c r="J492" s="793"/>
      <c r="K492" s="813"/>
      <c r="L492" s="797"/>
      <c r="M492" s="813"/>
      <c r="N492" s="797"/>
      <c r="O492" s="797"/>
    </row>
    <row r="493" spans="3:15">
      <c r="C493" s="789">
        <f>IF(D453="","-",+C492+1)</f>
        <v>2050</v>
      </c>
      <c r="D493" s="737">
        <f t="shared" si="24"/>
        <v>13980346.529487088</v>
      </c>
      <c r="E493" s="790">
        <f t="shared" si="29"/>
        <v>2541881.1871794872</v>
      </c>
      <c r="F493" s="737">
        <f t="shared" si="25"/>
        <v>11438465.342307601</v>
      </c>
      <c r="G493" s="795">
        <f t="shared" si="26"/>
        <v>3923434.049286738</v>
      </c>
      <c r="H493" s="796">
        <f t="shared" si="27"/>
        <v>3923434.049286738</v>
      </c>
      <c r="I493" s="793">
        <f t="shared" si="28"/>
        <v>0</v>
      </c>
      <c r="J493" s="793"/>
      <c r="K493" s="813"/>
      <c r="L493" s="797"/>
      <c r="M493" s="813"/>
      <c r="N493" s="797"/>
      <c r="O493" s="797"/>
    </row>
    <row r="494" spans="3:15">
      <c r="C494" s="789">
        <f>IF(D453="","-",+C493+1)</f>
        <v>2051</v>
      </c>
      <c r="D494" s="737">
        <f t="shared" si="24"/>
        <v>11438465.342307601</v>
      </c>
      <c r="E494" s="790">
        <f t="shared" si="29"/>
        <v>2541881.1871794872</v>
      </c>
      <c r="F494" s="737">
        <f t="shared" si="25"/>
        <v>8896584.1551281139</v>
      </c>
      <c r="G494" s="795">
        <f t="shared" si="26"/>
        <v>3647123.476865286</v>
      </c>
      <c r="H494" s="796">
        <f t="shared" si="27"/>
        <v>3647123.476865286</v>
      </c>
      <c r="I494" s="793">
        <f t="shared" si="28"/>
        <v>0</v>
      </c>
      <c r="J494" s="793"/>
      <c r="K494" s="813"/>
      <c r="L494" s="797"/>
      <c r="M494" s="813"/>
      <c r="N494" s="797"/>
      <c r="O494" s="797"/>
    </row>
    <row r="495" spans="3:15">
      <c r="C495" s="789">
        <f>IF(D453="","-",+C494+1)</f>
        <v>2052</v>
      </c>
      <c r="D495" s="737">
        <f t="shared" si="24"/>
        <v>8896584.1551281139</v>
      </c>
      <c r="E495" s="790">
        <f t="shared" si="29"/>
        <v>2541881.1871794872</v>
      </c>
      <c r="F495" s="737">
        <f t="shared" si="25"/>
        <v>6354702.9679486267</v>
      </c>
      <c r="G495" s="795">
        <f t="shared" si="26"/>
        <v>3370812.904443834</v>
      </c>
      <c r="H495" s="796">
        <f t="shared" si="27"/>
        <v>3370812.904443834</v>
      </c>
      <c r="I495" s="793">
        <f t="shared" si="28"/>
        <v>0</v>
      </c>
      <c r="J495" s="793"/>
      <c r="K495" s="813"/>
      <c r="L495" s="797"/>
      <c r="M495" s="813"/>
      <c r="N495" s="797"/>
      <c r="O495" s="797"/>
    </row>
    <row r="496" spans="3:15">
      <c r="C496" s="789">
        <f>IF(D453="","-",+C495+1)</f>
        <v>2053</v>
      </c>
      <c r="D496" s="737">
        <f t="shared" si="24"/>
        <v>6354702.9679486267</v>
      </c>
      <c r="E496" s="790">
        <f t="shared" si="29"/>
        <v>2541881.1871794872</v>
      </c>
      <c r="F496" s="737">
        <f t="shared" si="25"/>
        <v>3812821.7807691395</v>
      </c>
      <c r="G496" s="795">
        <f t="shared" si="26"/>
        <v>3094502.3320223815</v>
      </c>
      <c r="H496" s="796">
        <f t="shared" si="27"/>
        <v>3094502.3320223815</v>
      </c>
      <c r="I496" s="793">
        <f t="shared" si="28"/>
        <v>0</v>
      </c>
      <c r="J496" s="793"/>
      <c r="K496" s="813"/>
      <c r="L496" s="797"/>
      <c r="M496" s="813"/>
      <c r="N496" s="797"/>
      <c r="O496" s="797"/>
    </row>
    <row r="497" spans="3:15">
      <c r="C497" s="789">
        <f>IF(D453="","-",+C496+1)</f>
        <v>2054</v>
      </c>
      <c r="D497" s="737">
        <f t="shared" si="24"/>
        <v>3812821.7807691395</v>
      </c>
      <c r="E497" s="790">
        <f t="shared" si="29"/>
        <v>2541881.1871794872</v>
      </c>
      <c r="F497" s="737">
        <f t="shared" si="25"/>
        <v>1270940.5935896523</v>
      </c>
      <c r="G497" s="795">
        <f t="shared" si="26"/>
        <v>2818191.7596009295</v>
      </c>
      <c r="H497" s="796">
        <f t="shared" si="27"/>
        <v>2818191.7596009295</v>
      </c>
      <c r="I497" s="793">
        <f t="shared" si="28"/>
        <v>0</v>
      </c>
      <c r="J497" s="793"/>
      <c r="K497" s="813"/>
      <c r="L497" s="797"/>
      <c r="M497" s="813"/>
      <c r="N497" s="797"/>
      <c r="O497" s="797"/>
    </row>
    <row r="498" spans="3:15">
      <c r="C498" s="789">
        <f>IF(D453="","-",+C497+1)</f>
        <v>2055</v>
      </c>
      <c r="D498" s="737">
        <f t="shared" si="24"/>
        <v>1270940.5935896523</v>
      </c>
      <c r="E498" s="790">
        <f t="shared" si="29"/>
        <v>1270940.5935896523</v>
      </c>
      <c r="F498" s="737">
        <f t="shared" si="25"/>
        <v>0</v>
      </c>
      <c r="G498" s="795">
        <f t="shared" si="26"/>
        <v>1340018.2366950104</v>
      </c>
      <c r="H498" s="796">
        <f t="shared" si="27"/>
        <v>1340018.2366950104</v>
      </c>
      <c r="I498" s="793">
        <f t="shared" si="28"/>
        <v>0</v>
      </c>
      <c r="J498" s="793"/>
      <c r="K498" s="813"/>
      <c r="L498" s="797"/>
      <c r="M498" s="813"/>
      <c r="N498" s="797"/>
      <c r="O498" s="797"/>
    </row>
    <row r="499" spans="3:15">
      <c r="C499" s="789">
        <f>IF(D453="","-",+C498+1)</f>
        <v>2056</v>
      </c>
      <c r="D499" s="737">
        <f t="shared" si="24"/>
        <v>0</v>
      </c>
      <c r="E499" s="790">
        <f t="shared" si="29"/>
        <v>0</v>
      </c>
      <c r="F499" s="737">
        <f t="shared" si="25"/>
        <v>0</v>
      </c>
      <c r="G499" s="795">
        <f t="shared" si="26"/>
        <v>0</v>
      </c>
      <c r="H499" s="796">
        <f t="shared" si="27"/>
        <v>0</v>
      </c>
      <c r="I499" s="793">
        <f t="shared" si="28"/>
        <v>0</v>
      </c>
      <c r="J499" s="793"/>
      <c r="K499" s="813"/>
      <c r="L499" s="797"/>
      <c r="M499" s="813"/>
      <c r="N499" s="797"/>
      <c r="O499" s="797"/>
    </row>
    <row r="500" spans="3:15">
      <c r="C500" s="789">
        <f>IF(D453="","-",+C499+1)</f>
        <v>2057</v>
      </c>
      <c r="D500" s="737">
        <f t="shared" si="24"/>
        <v>0</v>
      </c>
      <c r="E500" s="790">
        <f t="shared" si="29"/>
        <v>0</v>
      </c>
      <c r="F500" s="737">
        <f t="shared" si="25"/>
        <v>0</v>
      </c>
      <c r="G500" s="795">
        <f t="shared" si="26"/>
        <v>0</v>
      </c>
      <c r="H500" s="796">
        <f t="shared" si="27"/>
        <v>0</v>
      </c>
      <c r="I500" s="793">
        <f t="shared" si="28"/>
        <v>0</v>
      </c>
      <c r="J500" s="793"/>
      <c r="K500" s="813"/>
      <c r="L500" s="797"/>
      <c r="M500" s="813"/>
      <c r="N500" s="797"/>
      <c r="O500" s="797"/>
    </row>
    <row r="501" spans="3:15">
      <c r="C501" s="789">
        <f>IF(D453="","-",+C500+1)</f>
        <v>2058</v>
      </c>
      <c r="D501" s="737">
        <f t="shared" si="24"/>
        <v>0</v>
      </c>
      <c r="E501" s="790">
        <f t="shared" si="29"/>
        <v>0</v>
      </c>
      <c r="F501" s="737">
        <f t="shared" si="25"/>
        <v>0</v>
      </c>
      <c r="G501" s="795">
        <f t="shared" si="26"/>
        <v>0</v>
      </c>
      <c r="H501" s="796">
        <f t="shared" si="27"/>
        <v>0</v>
      </c>
      <c r="I501" s="793">
        <f t="shared" si="28"/>
        <v>0</v>
      </c>
      <c r="J501" s="793"/>
      <c r="K501" s="813"/>
      <c r="L501" s="797"/>
      <c r="M501" s="813"/>
      <c r="N501" s="797"/>
      <c r="O501" s="797"/>
    </row>
    <row r="502" spans="3:15">
      <c r="C502" s="789">
        <f>IF(D453="","-",+C501+1)</f>
        <v>2059</v>
      </c>
      <c r="D502" s="737">
        <f t="shared" si="24"/>
        <v>0</v>
      </c>
      <c r="E502" s="790">
        <f t="shared" si="29"/>
        <v>0</v>
      </c>
      <c r="F502" s="737">
        <f t="shared" si="25"/>
        <v>0</v>
      </c>
      <c r="G502" s="795">
        <f t="shared" si="26"/>
        <v>0</v>
      </c>
      <c r="H502" s="796">
        <f t="shared" si="27"/>
        <v>0</v>
      </c>
      <c r="I502" s="793">
        <f t="shared" si="28"/>
        <v>0</v>
      </c>
      <c r="J502" s="793"/>
      <c r="K502" s="813"/>
      <c r="L502" s="797"/>
      <c r="M502" s="813"/>
      <c r="N502" s="797"/>
      <c r="O502" s="797"/>
    </row>
    <row r="503" spans="3:15">
      <c r="C503" s="789">
        <f>IF(D453="","-",+C502+1)</f>
        <v>2060</v>
      </c>
      <c r="D503" s="737">
        <f t="shared" si="24"/>
        <v>0</v>
      </c>
      <c r="E503" s="790">
        <f t="shared" si="29"/>
        <v>0</v>
      </c>
      <c r="F503" s="737">
        <f t="shared" si="25"/>
        <v>0</v>
      </c>
      <c r="G503" s="795">
        <f t="shared" si="26"/>
        <v>0</v>
      </c>
      <c r="H503" s="796">
        <f t="shared" si="27"/>
        <v>0</v>
      </c>
      <c r="I503" s="793">
        <f t="shared" si="28"/>
        <v>0</v>
      </c>
      <c r="J503" s="793"/>
      <c r="K503" s="813"/>
      <c r="L503" s="797"/>
      <c r="M503" s="813"/>
      <c r="N503" s="797"/>
      <c r="O503" s="797"/>
    </row>
    <row r="504" spans="3:15">
      <c r="C504" s="789">
        <f>IF(D453="","-",+C503+1)</f>
        <v>2061</v>
      </c>
      <c r="D504" s="737">
        <f t="shared" si="24"/>
        <v>0</v>
      </c>
      <c r="E504" s="790">
        <f t="shared" si="29"/>
        <v>0</v>
      </c>
      <c r="F504" s="737">
        <f t="shared" si="25"/>
        <v>0</v>
      </c>
      <c r="G504" s="795">
        <f t="shared" si="26"/>
        <v>0</v>
      </c>
      <c r="H504" s="796">
        <f t="shared" si="27"/>
        <v>0</v>
      </c>
      <c r="I504" s="793">
        <f t="shared" si="28"/>
        <v>0</v>
      </c>
      <c r="J504" s="793"/>
      <c r="K504" s="813"/>
      <c r="L504" s="797"/>
      <c r="M504" s="813"/>
      <c r="N504" s="797"/>
      <c r="O504" s="797"/>
    </row>
    <row r="505" spans="3:15">
      <c r="C505" s="789">
        <f>IF(D453="","-",+C504+1)</f>
        <v>2062</v>
      </c>
      <c r="D505" s="737">
        <f t="shared" si="24"/>
        <v>0</v>
      </c>
      <c r="E505" s="790">
        <f t="shared" si="29"/>
        <v>0</v>
      </c>
      <c r="F505" s="737">
        <f t="shared" si="25"/>
        <v>0</v>
      </c>
      <c r="G505" s="795">
        <f t="shared" si="26"/>
        <v>0</v>
      </c>
      <c r="H505" s="796">
        <f t="shared" si="27"/>
        <v>0</v>
      </c>
      <c r="I505" s="793">
        <f t="shared" si="28"/>
        <v>0</v>
      </c>
      <c r="J505" s="793"/>
      <c r="K505" s="813"/>
      <c r="L505" s="797"/>
      <c r="M505" s="813"/>
      <c r="N505" s="797"/>
      <c r="O505" s="797"/>
    </row>
    <row r="506" spans="3:15">
      <c r="C506" s="789">
        <f>IF(D453="","-",+C505+1)</f>
        <v>2063</v>
      </c>
      <c r="D506" s="737">
        <f t="shared" si="24"/>
        <v>0</v>
      </c>
      <c r="E506" s="790">
        <f t="shared" si="29"/>
        <v>0</v>
      </c>
      <c r="F506" s="737">
        <f t="shared" si="25"/>
        <v>0</v>
      </c>
      <c r="G506" s="795">
        <f t="shared" si="26"/>
        <v>0</v>
      </c>
      <c r="H506" s="796">
        <f t="shared" si="27"/>
        <v>0</v>
      </c>
      <c r="I506" s="793">
        <f t="shared" si="28"/>
        <v>0</v>
      </c>
      <c r="J506" s="793"/>
      <c r="K506" s="813"/>
      <c r="L506" s="797"/>
      <c r="M506" s="813"/>
      <c r="N506" s="797"/>
      <c r="O506" s="797"/>
    </row>
    <row r="507" spans="3:15">
      <c r="C507" s="789">
        <f>IF(D453="","-",+C506+1)</f>
        <v>2064</v>
      </c>
      <c r="D507" s="737">
        <f t="shared" si="24"/>
        <v>0</v>
      </c>
      <c r="E507" s="790">
        <f t="shared" si="29"/>
        <v>0</v>
      </c>
      <c r="F507" s="737">
        <f t="shared" si="25"/>
        <v>0</v>
      </c>
      <c r="G507" s="795">
        <f t="shared" si="26"/>
        <v>0</v>
      </c>
      <c r="H507" s="796">
        <f t="shared" si="27"/>
        <v>0</v>
      </c>
      <c r="I507" s="793">
        <f t="shared" si="28"/>
        <v>0</v>
      </c>
      <c r="J507" s="793"/>
      <c r="K507" s="813"/>
      <c r="L507" s="797"/>
      <c r="M507" s="813"/>
      <c r="N507" s="797"/>
      <c r="O507" s="797"/>
    </row>
    <row r="508" spans="3:15">
      <c r="C508" s="789">
        <f>IF(D453="","-",+C507+1)</f>
        <v>2065</v>
      </c>
      <c r="D508" s="737">
        <f t="shared" si="24"/>
        <v>0</v>
      </c>
      <c r="E508" s="790">
        <f t="shared" si="29"/>
        <v>0</v>
      </c>
      <c r="F508" s="737">
        <f t="shared" si="25"/>
        <v>0</v>
      </c>
      <c r="G508" s="795">
        <f t="shared" si="26"/>
        <v>0</v>
      </c>
      <c r="H508" s="796">
        <f t="shared" si="27"/>
        <v>0</v>
      </c>
      <c r="I508" s="793">
        <f t="shared" si="28"/>
        <v>0</v>
      </c>
      <c r="J508" s="793"/>
      <c r="K508" s="813"/>
      <c r="L508" s="797"/>
      <c r="M508" s="813"/>
      <c r="N508" s="797"/>
      <c r="O508" s="797"/>
    </row>
    <row r="509" spans="3:15">
      <c r="C509" s="789">
        <f>IF(D453="","-",+C508+1)</f>
        <v>2066</v>
      </c>
      <c r="D509" s="737">
        <f t="shared" si="24"/>
        <v>0</v>
      </c>
      <c r="E509" s="790">
        <f t="shared" si="29"/>
        <v>0</v>
      </c>
      <c r="F509" s="737">
        <f t="shared" si="25"/>
        <v>0</v>
      </c>
      <c r="G509" s="795">
        <f t="shared" si="26"/>
        <v>0</v>
      </c>
      <c r="H509" s="796">
        <f t="shared" si="27"/>
        <v>0</v>
      </c>
      <c r="I509" s="793">
        <f t="shared" si="28"/>
        <v>0</v>
      </c>
      <c r="J509" s="793"/>
      <c r="K509" s="813"/>
      <c r="L509" s="797"/>
      <c r="M509" s="813"/>
      <c r="N509" s="797"/>
      <c r="O509" s="797"/>
    </row>
    <row r="510" spans="3:15">
      <c r="C510" s="789">
        <f>IF(D453="","-",+C509+1)</f>
        <v>2067</v>
      </c>
      <c r="D510" s="737">
        <f t="shared" si="24"/>
        <v>0</v>
      </c>
      <c r="E510" s="790">
        <f t="shared" si="29"/>
        <v>0</v>
      </c>
      <c r="F510" s="737">
        <f t="shared" si="25"/>
        <v>0</v>
      </c>
      <c r="G510" s="795">
        <f t="shared" si="26"/>
        <v>0</v>
      </c>
      <c r="H510" s="796">
        <f t="shared" si="27"/>
        <v>0</v>
      </c>
      <c r="I510" s="793">
        <f t="shared" si="28"/>
        <v>0</v>
      </c>
      <c r="J510" s="793"/>
      <c r="K510" s="813"/>
      <c r="L510" s="797"/>
      <c r="M510" s="813"/>
      <c r="N510" s="797"/>
      <c r="O510" s="797"/>
    </row>
    <row r="511" spans="3:15">
      <c r="C511" s="789">
        <f>IF(D453="","-",+C510+1)</f>
        <v>2068</v>
      </c>
      <c r="D511" s="737">
        <f t="shared" si="24"/>
        <v>0</v>
      </c>
      <c r="E511" s="790">
        <f t="shared" si="29"/>
        <v>0</v>
      </c>
      <c r="F511" s="737">
        <f t="shared" si="25"/>
        <v>0</v>
      </c>
      <c r="G511" s="795">
        <f t="shared" si="26"/>
        <v>0</v>
      </c>
      <c r="H511" s="796">
        <f t="shared" si="27"/>
        <v>0</v>
      </c>
      <c r="I511" s="793">
        <f t="shared" si="28"/>
        <v>0</v>
      </c>
      <c r="J511" s="793"/>
      <c r="K511" s="813"/>
      <c r="L511" s="797"/>
      <c r="M511" s="813"/>
      <c r="N511" s="797"/>
      <c r="O511" s="797"/>
    </row>
    <row r="512" spans="3:15">
      <c r="C512" s="789">
        <f>IF(D453="","-",+C511+1)</f>
        <v>2069</v>
      </c>
      <c r="D512" s="737">
        <f t="shared" si="24"/>
        <v>0</v>
      </c>
      <c r="E512" s="790">
        <f t="shared" si="29"/>
        <v>0</v>
      </c>
      <c r="F512" s="737">
        <f t="shared" si="25"/>
        <v>0</v>
      </c>
      <c r="G512" s="795">
        <f t="shared" si="26"/>
        <v>0</v>
      </c>
      <c r="H512" s="796">
        <f t="shared" si="27"/>
        <v>0</v>
      </c>
      <c r="I512" s="793">
        <f t="shared" si="28"/>
        <v>0</v>
      </c>
      <c r="J512" s="793"/>
      <c r="K512" s="813"/>
      <c r="L512" s="797"/>
      <c r="M512" s="813"/>
      <c r="N512" s="797"/>
      <c r="O512" s="797"/>
    </row>
    <row r="513" spans="3:15">
      <c r="C513" s="789">
        <f>IF(D453="","-",+C512+1)</f>
        <v>2070</v>
      </c>
      <c r="D513" s="737">
        <f t="shared" si="24"/>
        <v>0</v>
      </c>
      <c r="E513" s="790">
        <f t="shared" si="29"/>
        <v>0</v>
      </c>
      <c r="F513" s="737">
        <f t="shared" si="25"/>
        <v>0</v>
      </c>
      <c r="G513" s="795">
        <f t="shared" si="26"/>
        <v>0</v>
      </c>
      <c r="H513" s="796">
        <f t="shared" si="27"/>
        <v>0</v>
      </c>
      <c r="I513" s="793">
        <f t="shared" si="28"/>
        <v>0</v>
      </c>
      <c r="J513" s="793"/>
      <c r="K513" s="813"/>
      <c r="L513" s="797"/>
      <c r="M513" s="813"/>
      <c r="N513" s="797"/>
      <c r="O513" s="797"/>
    </row>
    <row r="514" spans="3:15">
      <c r="C514" s="789">
        <f>IF(D453="","-",+C513+1)</f>
        <v>2071</v>
      </c>
      <c r="D514" s="737">
        <f t="shared" si="24"/>
        <v>0</v>
      </c>
      <c r="E514" s="790">
        <f t="shared" si="29"/>
        <v>0</v>
      </c>
      <c r="F514" s="737">
        <f t="shared" si="25"/>
        <v>0</v>
      </c>
      <c r="G514" s="795">
        <f t="shared" si="26"/>
        <v>0</v>
      </c>
      <c r="H514" s="796">
        <f t="shared" si="27"/>
        <v>0</v>
      </c>
      <c r="I514" s="793">
        <f t="shared" si="28"/>
        <v>0</v>
      </c>
      <c r="J514" s="793"/>
      <c r="K514" s="813"/>
      <c r="L514" s="797"/>
      <c r="M514" s="813"/>
      <c r="N514" s="797"/>
      <c r="O514" s="797"/>
    </row>
    <row r="515" spans="3:15">
      <c r="C515" s="789">
        <f>IF(D453="","-",+C514+1)</f>
        <v>2072</v>
      </c>
      <c r="D515" s="737">
        <f t="shared" si="24"/>
        <v>0</v>
      </c>
      <c r="E515" s="790">
        <f t="shared" si="29"/>
        <v>0</v>
      </c>
      <c r="F515" s="737">
        <f t="shared" si="25"/>
        <v>0</v>
      </c>
      <c r="G515" s="795">
        <f t="shared" si="26"/>
        <v>0</v>
      </c>
      <c r="H515" s="796">
        <f t="shared" si="27"/>
        <v>0</v>
      </c>
      <c r="I515" s="793">
        <f t="shared" si="28"/>
        <v>0</v>
      </c>
      <c r="J515" s="793"/>
      <c r="K515" s="813"/>
      <c r="L515" s="797"/>
      <c r="M515" s="813"/>
      <c r="N515" s="797"/>
      <c r="O515" s="797"/>
    </row>
    <row r="516" spans="3:15">
      <c r="C516" s="789">
        <f>IF(D453="","-",+C515+1)</f>
        <v>2073</v>
      </c>
      <c r="D516" s="737">
        <f t="shared" si="24"/>
        <v>0</v>
      </c>
      <c r="E516" s="790">
        <f t="shared" si="29"/>
        <v>0</v>
      </c>
      <c r="F516" s="737">
        <f t="shared" si="25"/>
        <v>0</v>
      </c>
      <c r="G516" s="795">
        <f t="shared" si="26"/>
        <v>0</v>
      </c>
      <c r="H516" s="796">
        <f t="shared" si="27"/>
        <v>0</v>
      </c>
      <c r="I516" s="793">
        <f t="shared" si="28"/>
        <v>0</v>
      </c>
      <c r="J516" s="793"/>
      <c r="K516" s="813"/>
      <c r="L516" s="797"/>
      <c r="M516" s="813"/>
      <c r="N516" s="797"/>
      <c r="O516" s="797"/>
    </row>
    <row r="517" spans="3:15">
      <c r="C517" s="789">
        <f>IF(D453="","-",+C516+1)</f>
        <v>2074</v>
      </c>
      <c r="D517" s="737">
        <f t="shared" si="24"/>
        <v>0</v>
      </c>
      <c r="E517" s="790">
        <f t="shared" si="29"/>
        <v>0</v>
      </c>
      <c r="F517" s="737">
        <f t="shared" si="25"/>
        <v>0</v>
      </c>
      <c r="G517" s="795">
        <f t="shared" si="26"/>
        <v>0</v>
      </c>
      <c r="H517" s="796">
        <f t="shared" si="27"/>
        <v>0</v>
      </c>
      <c r="I517" s="793">
        <f t="shared" si="28"/>
        <v>0</v>
      </c>
      <c r="J517" s="793"/>
      <c r="K517" s="813"/>
      <c r="L517" s="797"/>
      <c r="M517" s="813"/>
      <c r="N517" s="797"/>
      <c r="O517" s="797"/>
    </row>
    <row r="518" spans="3:15" ht="13.5" thickBot="1">
      <c r="C518" s="799">
        <f>IF(D453="","-",+C517+1)</f>
        <v>2075</v>
      </c>
      <c r="D518" s="800">
        <f t="shared" si="24"/>
        <v>0</v>
      </c>
      <c r="E518" s="801">
        <f t="shared" si="29"/>
        <v>0</v>
      </c>
      <c r="F518" s="800">
        <f t="shared" si="25"/>
        <v>0</v>
      </c>
      <c r="G518" s="802">
        <f t="shared" si="26"/>
        <v>0</v>
      </c>
      <c r="H518" s="802">
        <f t="shared" si="27"/>
        <v>0</v>
      </c>
      <c r="I518" s="803">
        <f t="shared" si="28"/>
        <v>0</v>
      </c>
      <c r="J518" s="793"/>
      <c r="K518" s="814"/>
      <c r="L518" s="804"/>
      <c r="M518" s="814"/>
      <c r="N518" s="804"/>
      <c r="O518" s="804"/>
    </row>
    <row r="519" spans="3:15">
      <c r="C519" s="737" t="s">
        <v>91</v>
      </c>
      <c r="D519" s="731"/>
      <c r="E519" s="731">
        <f>SUM(E459:E518)</f>
        <v>99133366.299999997</v>
      </c>
      <c r="F519" s="731"/>
      <c r="G519" s="731">
        <f>SUM(G459:G518)</f>
        <v>314655612.78873235</v>
      </c>
      <c r="H519" s="731">
        <f>SUM(H459:H518)</f>
        <v>314655612.78873235</v>
      </c>
      <c r="I519" s="731">
        <f>SUM(I459:I518)</f>
        <v>0</v>
      </c>
      <c r="J519" s="731"/>
      <c r="K519" s="731"/>
      <c r="L519" s="731"/>
      <c r="M519" s="731"/>
      <c r="N519" s="731"/>
      <c r="O519" s="314"/>
    </row>
    <row r="520" spans="3:15">
      <c r="D520" s="539"/>
      <c r="E520" s="314"/>
      <c r="F520" s="314"/>
      <c r="G520" s="314"/>
      <c r="H520" s="709"/>
      <c r="I520" s="709"/>
      <c r="J520" s="731"/>
      <c r="K520" s="709"/>
      <c r="L520" s="709"/>
      <c r="M520" s="709"/>
      <c r="N520" s="709"/>
      <c r="O520" s="314"/>
    </row>
    <row r="521" spans="3:15">
      <c r="C521" s="314" t="s">
        <v>13</v>
      </c>
      <c r="D521" s="539"/>
      <c r="E521" s="314"/>
      <c r="F521" s="314"/>
      <c r="G521" s="314"/>
      <c r="H521" s="709"/>
      <c r="I521" s="709"/>
      <c r="J521" s="731"/>
      <c r="K521" s="709"/>
      <c r="L521" s="709"/>
      <c r="M521" s="709"/>
      <c r="N521" s="709"/>
      <c r="O521" s="314"/>
    </row>
    <row r="522" spans="3:15">
      <c r="C522" s="314"/>
      <c r="D522" s="539"/>
      <c r="E522" s="314"/>
      <c r="F522" s="314"/>
      <c r="G522" s="314"/>
      <c r="H522" s="709"/>
      <c r="I522" s="709"/>
      <c r="J522" s="731"/>
      <c r="K522" s="709"/>
      <c r="L522" s="709"/>
      <c r="M522" s="709"/>
      <c r="N522" s="709"/>
      <c r="O522" s="314"/>
    </row>
    <row r="523" spans="3:15">
      <c r="C523" s="750" t="s">
        <v>14</v>
      </c>
      <c r="D523" s="737"/>
      <c r="E523" s="737"/>
      <c r="F523" s="737"/>
      <c r="G523" s="731"/>
      <c r="H523" s="731"/>
      <c r="I523" s="805"/>
      <c r="J523" s="805"/>
      <c r="K523" s="805"/>
      <c r="L523" s="805"/>
      <c r="M523" s="805"/>
      <c r="N523" s="805"/>
      <c r="O523" s="314"/>
    </row>
    <row r="524" spans="3:15">
      <c r="C524" s="736" t="s">
        <v>271</v>
      </c>
      <c r="D524" s="737"/>
      <c r="E524" s="737"/>
      <c r="F524" s="737"/>
      <c r="G524" s="731"/>
      <c r="H524" s="731"/>
      <c r="I524" s="805"/>
      <c r="J524" s="805"/>
      <c r="K524" s="805"/>
      <c r="L524" s="805"/>
      <c r="M524" s="805"/>
      <c r="N524" s="805"/>
      <c r="O524" s="314"/>
    </row>
    <row r="525" spans="3:15">
      <c r="C525" s="736" t="s">
        <v>92</v>
      </c>
      <c r="D525" s="737"/>
      <c r="E525" s="737"/>
      <c r="F525" s="737"/>
      <c r="G525" s="731"/>
      <c r="H525" s="731"/>
      <c r="I525" s="805"/>
      <c r="J525" s="805"/>
      <c r="K525" s="805"/>
      <c r="L525" s="805"/>
      <c r="M525" s="805"/>
      <c r="N525" s="805"/>
      <c r="O525" s="314"/>
    </row>
    <row r="526" spans="3:15">
      <c r="C526" s="736"/>
      <c r="D526" s="737"/>
      <c r="E526" s="737"/>
      <c r="F526" s="737"/>
      <c r="G526" s="731"/>
      <c r="H526" s="731"/>
      <c r="I526" s="805"/>
      <c r="J526" s="805"/>
      <c r="K526" s="805"/>
      <c r="L526" s="805"/>
      <c r="M526" s="805"/>
      <c r="N526" s="805"/>
      <c r="O526" s="314"/>
    </row>
    <row r="527" spans="3:15">
      <c r="C527" s="1491" t="s">
        <v>6</v>
      </c>
      <c r="D527" s="1491"/>
      <c r="E527" s="1491"/>
      <c r="F527" s="1491"/>
      <c r="G527" s="1491"/>
      <c r="H527" s="1491"/>
      <c r="I527" s="1491"/>
      <c r="J527" s="1491"/>
      <c r="K527" s="1491"/>
      <c r="L527" s="1491"/>
      <c r="M527" s="1491"/>
      <c r="N527" s="1491"/>
      <c r="O527" s="1491"/>
    </row>
    <row r="528" spans="3:15">
      <c r="C528" s="1491"/>
      <c r="D528" s="1491"/>
      <c r="E528" s="1491"/>
      <c r="F528" s="1491"/>
      <c r="G528" s="1491"/>
      <c r="H528" s="1491"/>
      <c r="I528" s="1491"/>
      <c r="J528" s="1491"/>
      <c r="K528" s="1491"/>
      <c r="L528" s="1491"/>
      <c r="M528" s="1491"/>
      <c r="N528" s="1491"/>
      <c r="O528" s="1491"/>
    </row>
    <row r="529" spans="1:16" ht="20.25">
      <c r="A529" s="738" t="str">
        <f>""&amp;A453&amp;" Worksheet J -  ATRR PROJECTED Calculation for PJM Projects Charged to Benefiting Zones"</f>
        <v xml:space="preserve"> Worksheet J -  ATRR PROJECTED Calculation for PJM Projects Charged to Benefiting Zones</v>
      </c>
      <c r="B529" s="348"/>
      <c r="C529" s="726"/>
      <c r="D529" s="539"/>
      <c r="E529" s="314"/>
      <c r="F529" s="708"/>
      <c r="G529" s="314"/>
      <c r="H529" s="709"/>
      <c r="K529" s="565"/>
      <c r="L529" s="565"/>
      <c r="M529" s="565"/>
      <c r="N529" s="654" t="str">
        <f>"Page "&amp;SUM(P$8:P529)&amp;" of "</f>
        <v xml:space="preserve">Page 7 of </v>
      </c>
      <c r="O529" s="655">
        <f>COUNT(P$8:P$56656)</f>
        <v>11</v>
      </c>
      <c r="P529" s="173">
        <v>1</v>
      </c>
    </row>
    <row r="530" spans="1:16" ht="20.25">
      <c r="A530" s="738"/>
      <c r="B530" s="348"/>
      <c r="C530" s="726"/>
      <c r="D530" s="539"/>
      <c r="E530" s="314"/>
      <c r="F530" s="708"/>
      <c r="G530" s="314"/>
      <c r="H530" s="709"/>
      <c r="K530" s="565"/>
      <c r="L530" s="565"/>
      <c r="M530" s="565"/>
      <c r="N530" s="654"/>
      <c r="O530" s="655"/>
    </row>
    <row r="531" spans="1:16" ht="18">
      <c r="B531" s="658" t="s">
        <v>474</v>
      </c>
      <c r="C531" s="740" t="s">
        <v>93</v>
      </c>
      <c r="D531" s="539"/>
      <c r="E531" s="314"/>
      <c r="F531" s="314"/>
      <c r="G531" s="314"/>
      <c r="H531" s="709"/>
      <c r="I531" s="709"/>
      <c r="J531" s="731"/>
      <c r="K531" s="709"/>
      <c r="L531" s="709"/>
      <c r="M531" s="709"/>
      <c r="N531" s="709"/>
      <c r="O531" s="314"/>
    </row>
    <row r="532" spans="1:16" ht="18.75">
      <c r="B532" s="658"/>
      <c r="C532" s="657"/>
      <c r="D532" s="539"/>
      <c r="E532" s="314"/>
      <c r="F532" s="314"/>
      <c r="G532" s="314"/>
      <c r="H532" s="709"/>
      <c r="I532" s="709"/>
      <c r="J532" s="731"/>
      <c r="K532" s="709"/>
      <c r="L532" s="709"/>
      <c r="M532" s="709"/>
      <c r="N532" s="709"/>
      <c r="O532" s="314"/>
    </row>
    <row r="533" spans="1:16" ht="18.75">
      <c r="B533" s="658"/>
      <c r="C533" s="657" t="s">
        <v>94</v>
      </c>
      <c r="D533" s="539"/>
      <c r="E533" s="314"/>
      <c r="F533" s="314"/>
      <c r="G533" s="314"/>
      <c r="H533" s="709"/>
      <c r="I533" s="709"/>
      <c r="J533" s="731"/>
      <c r="K533" s="709"/>
      <c r="L533" s="709"/>
      <c r="M533" s="709"/>
      <c r="N533" s="709"/>
      <c r="O533" s="314"/>
    </row>
    <row r="534" spans="1:16" ht="15.75" thickBot="1">
      <c r="C534" s="240"/>
      <c r="D534" s="539"/>
      <c r="E534" s="314"/>
      <c r="F534" s="314"/>
      <c r="G534" s="314"/>
      <c r="H534" s="709"/>
      <c r="I534" s="709"/>
      <c r="J534" s="731"/>
      <c r="K534" s="709"/>
      <c r="L534" s="709"/>
      <c r="M534" s="709"/>
      <c r="N534" s="709"/>
      <c r="O534" s="314"/>
    </row>
    <row r="535" spans="1:16" ht="15.75">
      <c r="C535" s="660" t="s">
        <v>95</v>
      </c>
      <c r="D535" s="539"/>
      <c r="E535" s="314"/>
      <c r="F535" s="314"/>
      <c r="G535" s="807"/>
      <c r="H535" s="314" t="s">
        <v>74</v>
      </c>
      <c r="I535" s="314"/>
      <c r="J535" s="426"/>
      <c r="K535" s="741" t="s">
        <v>99</v>
      </c>
      <c r="L535" s="742"/>
      <c r="M535" s="743"/>
      <c r="N535" s="744">
        <f>IF(I541=0,0,VLOOKUP(I541,C548:O607,5))</f>
        <v>6395009.4806452719</v>
      </c>
      <c r="O535" s="314"/>
    </row>
    <row r="536" spans="1:16" ht="15.75">
      <c r="C536" s="660"/>
      <c r="D536" s="539"/>
      <c r="E536" s="314"/>
      <c r="F536" s="314"/>
      <c r="G536" s="314"/>
      <c r="H536" s="745"/>
      <c r="I536" s="745"/>
      <c r="J536" s="746"/>
      <c r="K536" s="747" t="s">
        <v>100</v>
      </c>
      <c r="L536" s="748"/>
      <c r="M536" s="426"/>
      <c r="N536" s="749">
        <f>IF(I541=0,0,VLOOKUP(I541,C548:O607,6))</f>
        <v>6395009.4806452719</v>
      </c>
      <c r="O536" s="314"/>
    </row>
    <row r="537" spans="1:16" ht="13.5" thickBot="1">
      <c r="C537" s="750" t="s">
        <v>96</v>
      </c>
      <c r="D537" s="1489" t="s">
        <v>827</v>
      </c>
      <c r="E537" s="1489"/>
      <c r="F537" s="1489"/>
      <c r="G537" s="1489"/>
      <c r="H537" s="1489"/>
      <c r="I537" s="1489"/>
      <c r="J537" s="731"/>
      <c r="K537" s="751" t="s">
        <v>238</v>
      </c>
      <c r="L537" s="752"/>
      <c r="M537" s="752"/>
      <c r="N537" s="753">
        <f>+N536-N535</f>
        <v>0</v>
      </c>
      <c r="O537" s="314"/>
    </row>
    <row r="538" spans="1:16">
      <c r="C538" s="754"/>
      <c r="D538" s="1489"/>
      <c r="E538" s="1489"/>
      <c r="F538" s="1489"/>
      <c r="G538" s="1489"/>
      <c r="H538" s="1489"/>
      <c r="I538" s="1489"/>
      <c r="J538" s="731"/>
      <c r="K538" s="709"/>
      <c r="L538" s="709"/>
      <c r="M538" s="709"/>
      <c r="N538" s="709"/>
      <c r="O538" s="314"/>
    </row>
    <row r="539" spans="1:16" ht="13.5" thickBot="1">
      <c r="C539" s="757"/>
      <c r="D539" s="758"/>
      <c r="E539" s="756"/>
      <c r="F539" s="756"/>
      <c r="G539" s="756"/>
      <c r="H539" s="756"/>
      <c r="I539" s="756"/>
      <c r="J539" s="759"/>
      <c r="K539" s="756"/>
      <c r="L539" s="756"/>
      <c r="M539" s="756"/>
      <c r="N539" s="756"/>
      <c r="O539" s="348"/>
    </row>
    <row r="540" spans="1:16" ht="13.5" thickBot="1">
      <c r="C540" s="760" t="s">
        <v>97</v>
      </c>
      <c r="D540" s="761"/>
      <c r="E540" s="761"/>
      <c r="F540" s="761"/>
      <c r="G540" s="761"/>
      <c r="H540" s="761"/>
      <c r="I540" s="762"/>
      <c r="J540" s="763"/>
      <c r="K540" s="314"/>
      <c r="L540" s="314"/>
      <c r="M540" s="314"/>
      <c r="N540" s="314"/>
      <c r="O540" s="764"/>
    </row>
    <row r="541" spans="1:16" ht="15">
      <c r="C541" s="765" t="s">
        <v>75</v>
      </c>
      <c r="D541" s="809">
        <v>52503522.330000006</v>
      </c>
      <c r="E541" s="726" t="s">
        <v>76</v>
      </c>
      <c r="G541" s="766"/>
      <c r="H541" s="766"/>
      <c r="I541" s="767">
        <f>$L$26</f>
        <v>2021</v>
      </c>
      <c r="J541" s="555"/>
      <c r="K541" s="1490" t="s">
        <v>247</v>
      </c>
      <c r="L541" s="1490"/>
      <c r="M541" s="1490"/>
      <c r="N541" s="1490"/>
      <c r="O541" s="1490"/>
    </row>
    <row r="542" spans="1:16">
      <c r="C542" s="765" t="s">
        <v>78</v>
      </c>
      <c r="D542" s="810">
        <v>2016</v>
      </c>
      <c r="E542" s="765" t="s">
        <v>79</v>
      </c>
      <c r="F542" s="766"/>
      <c r="H542" s="173"/>
      <c r="I542" s="811">
        <f>IF(G535="",0,$F$17)</f>
        <v>0</v>
      </c>
      <c r="J542" s="768"/>
      <c r="K542" s="731" t="s">
        <v>247</v>
      </c>
    </row>
    <row r="543" spans="1:16">
      <c r="C543" s="765" t="s">
        <v>80</v>
      </c>
      <c r="D543" s="809">
        <v>12</v>
      </c>
      <c r="E543" s="765" t="s">
        <v>81</v>
      </c>
      <c r="F543" s="766"/>
      <c r="H543" s="173"/>
      <c r="I543" s="769">
        <f>$G$70</f>
        <v>0.10870318164951323</v>
      </c>
      <c r="J543" s="770"/>
      <c r="K543" s="173" t="str">
        <f>"          INPUT PROJECTED ARR (WITH &amp; WITHOUT INCENTIVES) FROM EACH PRIOR YEAR"</f>
        <v xml:space="preserve">          INPUT PROJECTED ARR (WITH &amp; WITHOUT INCENTIVES) FROM EACH PRIOR YEAR</v>
      </c>
    </row>
    <row r="544" spans="1:16">
      <c r="C544" s="765" t="s">
        <v>82</v>
      </c>
      <c r="D544" s="771">
        <f>$G$79</f>
        <v>39</v>
      </c>
      <c r="E544" s="765" t="s">
        <v>83</v>
      </c>
      <c r="F544" s="766"/>
      <c r="H544" s="173"/>
      <c r="I544" s="769">
        <f>IF(G535="",I543,$G$69)</f>
        <v>0.10870318164951323</v>
      </c>
      <c r="J544" s="772"/>
      <c r="K544" s="173" t="s">
        <v>160</v>
      </c>
    </row>
    <row r="545" spans="2:15" ht="13.5" thickBot="1">
      <c r="C545" s="765" t="s">
        <v>84</v>
      </c>
      <c r="D545" s="808" t="s">
        <v>819</v>
      </c>
      <c r="E545" s="773" t="s">
        <v>85</v>
      </c>
      <c r="F545" s="774"/>
      <c r="G545" s="775"/>
      <c r="H545" s="775"/>
      <c r="I545" s="753">
        <f>IF(D541=0,0,D541/D544)</f>
        <v>1346244.1623076925</v>
      </c>
      <c r="J545" s="731"/>
      <c r="K545" s="731" t="s">
        <v>166</v>
      </c>
      <c r="L545" s="731"/>
      <c r="M545" s="731"/>
      <c r="N545" s="731"/>
      <c r="O545" s="426"/>
    </row>
    <row r="546" spans="2:15" ht="51">
      <c r="B546" s="846"/>
      <c r="C546" s="776" t="s">
        <v>75</v>
      </c>
      <c r="D546" s="777" t="s">
        <v>86</v>
      </c>
      <c r="E546" s="778" t="s">
        <v>87</v>
      </c>
      <c r="F546" s="777" t="s">
        <v>88</v>
      </c>
      <c r="G546" s="778" t="s">
        <v>159</v>
      </c>
      <c r="H546" s="779" t="s">
        <v>159</v>
      </c>
      <c r="I546" s="776" t="s">
        <v>98</v>
      </c>
      <c r="J546" s="780"/>
      <c r="K546" s="778" t="s">
        <v>168</v>
      </c>
      <c r="L546" s="781"/>
      <c r="M546" s="778" t="s">
        <v>168</v>
      </c>
      <c r="N546" s="781"/>
      <c r="O546" s="781"/>
    </row>
    <row r="547" spans="2:15" ht="13.5" thickBot="1">
      <c r="C547" s="782" t="s">
        <v>477</v>
      </c>
      <c r="D547" s="783" t="s">
        <v>478</v>
      </c>
      <c r="E547" s="782" t="s">
        <v>371</v>
      </c>
      <c r="F547" s="783" t="s">
        <v>478</v>
      </c>
      <c r="G547" s="784" t="s">
        <v>101</v>
      </c>
      <c r="H547" s="785" t="s">
        <v>103</v>
      </c>
      <c r="I547" s="786" t="s">
        <v>15</v>
      </c>
      <c r="J547" s="787"/>
      <c r="K547" s="784" t="s">
        <v>90</v>
      </c>
      <c r="L547" s="788"/>
      <c r="M547" s="784" t="s">
        <v>103</v>
      </c>
      <c r="N547" s="788"/>
      <c r="O547" s="788"/>
    </row>
    <row r="548" spans="2:15">
      <c r="C548" s="789">
        <f>IF(D542= "","-",D542)</f>
        <v>2016</v>
      </c>
      <c r="D548" s="737">
        <f>+D541</f>
        <v>52503522.330000006</v>
      </c>
      <c r="E548" s="790">
        <f>+I545/12*(12-D543)</f>
        <v>0</v>
      </c>
      <c r="F548" s="737">
        <f>+D548-E548</f>
        <v>52503522.330000006</v>
      </c>
      <c r="G548" s="999">
        <f>+$I$96*((D548+F548)/2)+E548</f>
        <v>5707299.9250772651</v>
      </c>
      <c r="H548" s="1000">
        <f>$I$97*((D548+F548)/2)+E548</f>
        <v>5707299.9250772651</v>
      </c>
      <c r="I548" s="793">
        <f>+H548-G548</f>
        <v>0</v>
      </c>
      <c r="J548" s="793"/>
      <c r="K548" s="812">
        <v>5279934</v>
      </c>
      <c r="L548" s="794"/>
      <c r="M548" s="812">
        <v>5279934</v>
      </c>
      <c r="N548" s="794"/>
      <c r="O548" s="794"/>
    </row>
    <row r="549" spans="2:15">
      <c r="C549" s="789">
        <f>IF(D542="","-",+C548+1)</f>
        <v>2017</v>
      </c>
      <c r="D549" s="737">
        <f t="shared" ref="D549:D607" si="30">F548</f>
        <v>52503522.330000006</v>
      </c>
      <c r="E549" s="790">
        <f>IF(D549&gt;$I$545,$I$545,D549)</f>
        <v>1346244.1623076925</v>
      </c>
      <c r="F549" s="737">
        <f t="shared" ref="F549:F607" si="31">+D549-E549</f>
        <v>51157278.167692311</v>
      </c>
      <c r="G549" s="795">
        <f t="shared" ref="G549:G607" si="32">+$I$96*((D549+F549)/2)+E549</f>
        <v>6980373.5755249923</v>
      </c>
      <c r="H549" s="796">
        <f t="shared" ref="H549:H607" si="33">$I$97*((D549+F549)/2)+E549</f>
        <v>6980373.5755249923</v>
      </c>
      <c r="I549" s="793">
        <f t="shared" ref="I549:I607" si="34">+H549-G549</f>
        <v>0</v>
      </c>
      <c r="J549" s="793"/>
      <c r="K549" s="813">
        <v>5667478</v>
      </c>
      <c r="L549" s="797"/>
      <c r="M549" s="813">
        <v>5667478</v>
      </c>
      <c r="N549" s="797"/>
      <c r="O549" s="797"/>
    </row>
    <row r="550" spans="2:15">
      <c r="C550" s="1338">
        <f>IF(D542="","-",+C549+1)</f>
        <v>2018</v>
      </c>
      <c r="D550" s="737">
        <f t="shared" si="30"/>
        <v>51157278.167692311</v>
      </c>
      <c r="E550" s="790">
        <f t="shared" ref="E550:E607" si="35">IF(D550&gt;$I$545,$I$545,D550)</f>
        <v>1346244.1623076925</v>
      </c>
      <c r="F550" s="737">
        <f t="shared" si="31"/>
        <v>49811034.005384617</v>
      </c>
      <c r="G550" s="795">
        <f t="shared" si="32"/>
        <v>6834032.5518050622</v>
      </c>
      <c r="H550" s="796">
        <f t="shared" si="33"/>
        <v>6834032.5518050622</v>
      </c>
      <c r="I550" s="793">
        <f t="shared" si="34"/>
        <v>0</v>
      </c>
      <c r="J550" s="793"/>
      <c r="K550" s="813">
        <v>4860385</v>
      </c>
      <c r="L550" s="797"/>
      <c r="M550" s="813">
        <v>4860385</v>
      </c>
      <c r="N550" s="797"/>
      <c r="O550" s="797"/>
    </row>
    <row r="551" spans="2:15">
      <c r="C551" s="1338">
        <f>IF(D542="","-",+C550+1)</f>
        <v>2019</v>
      </c>
      <c r="D551" s="737">
        <f t="shared" si="30"/>
        <v>49811034.005384617</v>
      </c>
      <c r="E551" s="790">
        <f t="shared" si="35"/>
        <v>1346244.1623076925</v>
      </c>
      <c r="F551" s="737">
        <f t="shared" si="31"/>
        <v>48464789.843076922</v>
      </c>
      <c r="G551" s="795">
        <f t="shared" si="32"/>
        <v>6687691.5280851321</v>
      </c>
      <c r="H551" s="796">
        <f t="shared" si="33"/>
        <v>6687691.5280851321</v>
      </c>
      <c r="I551" s="793">
        <f t="shared" si="34"/>
        <v>0</v>
      </c>
      <c r="J551" s="793"/>
      <c r="K551" s="813">
        <v>6293604.6254710108</v>
      </c>
      <c r="L551" s="797"/>
      <c r="M551" s="813">
        <v>6293604.6254710108</v>
      </c>
      <c r="N551" s="797"/>
      <c r="O551" s="797"/>
    </row>
    <row r="552" spans="2:15">
      <c r="C552" s="1338">
        <f>IF(D542="","-",+C551+1)</f>
        <v>2020</v>
      </c>
      <c r="D552" s="737">
        <f t="shared" si="30"/>
        <v>48464789.843076922</v>
      </c>
      <c r="E552" s="790">
        <f t="shared" si="35"/>
        <v>1346244.1623076925</v>
      </c>
      <c r="F552" s="737">
        <f t="shared" si="31"/>
        <v>47118545.680769227</v>
      </c>
      <c r="G552" s="795">
        <f t="shared" si="32"/>
        <v>6541350.504365202</v>
      </c>
      <c r="H552" s="796">
        <f t="shared" si="33"/>
        <v>6541350.504365202</v>
      </c>
      <c r="I552" s="793">
        <f t="shared" si="34"/>
        <v>0</v>
      </c>
      <c r="J552" s="793"/>
      <c r="K552" s="813">
        <v>6439770.5705238646</v>
      </c>
      <c r="L552" s="797"/>
      <c r="M552" s="1321">
        <v>6439770.5705238646</v>
      </c>
      <c r="N552" s="797"/>
      <c r="O552" s="797"/>
    </row>
    <row r="553" spans="2:15">
      <c r="C553" s="1315">
        <f>IF(D542="","-",+C552+1)</f>
        <v>2021</v>
      </c>
      <c r="D553" s="737">
        <f t="shared" si="30"/>
        <v>47118545.680769227</v>
      </c>
      <c r="E553" s="790">
        <f t="shared" si="35"/>
        <v>1346244.1623076925</v>
      </c>
      <c r="F553" s="737">
        <f t="shared" si="31"/>
        <v>45772301.518461533</v>
      </c>
      <c r="G553" s="795">
        <f t="shared" si="32"/>
        <v>6395009.4806452719</v>
      </c>
      <c r="H553" s="796">
        <f t="shared" si="33"/>
        <v>6395009.4806452719</v>
      </c>
      <c r="I553" s="793">
        <f t="shared" si="34"/>
        <v>0</v>
      </c>
      <c r="J553" s="793"/>
      <c r="K553" s="813"/>
      <c r="L553" s="797"/>
      <c r="M553" s="813"/>
      <c r="N553" s="797"/>
      <c r="O553" s="797"/>
    </row>
    <row r="554" spans="2:15">
      <c r="C554" s="789">
        <f>IF(D542="","-",+C553+1)</f>
        <v>2022</v>
      </c>
      <c r="D554" s="737">
        <f t="shared" si="30"/>
        <v>45772301.518461533</v>
      </c>
      <c r="E554" s="790">
        <f t="shared" si="35"/>
        <v>1346244.1623076925</v>
      </c>
      <c r="F554" s="737">
        <f t="shared" si="31"/>
        <v>44426057.356153838</v>
      </c>
      <c r="G554" s="795">
        <f t="shared" si="32"/>
        <v>6248668.4569253419</v>
      </c>
      <c r="H554" s="796">
        <f t="shared" si="33"/>
        <v>6248668.4569253419</v>
      </c>
      <c r="I554" s="793">
        <f t="shared" si="34"/>
        <v>0</v>
      </c>
      <c r="J554" s="793"/>
      <c r="K554" s="813"/>
      <c r="L554" s="797"/>
      <c r="M554" s="813"/>
      <c r="N554" s="797"/>
      <c r="O554" s="797"/>
    </row>
    <row r="555" spans="2:15">
      <c r="C555" s="789">
        <f>IF(D542="","-",+C554+1)</f>
        <v>2023</v>
      </c>
      <c r="D555" s="737">
        <f t="shared" si="30"/>
        <v>44426057.356153838</v>
      </c>
      <c r="E555" s="790">
        <f t="shared" si="35"/>
        <v>1346244.1623076925</v>
      </c>
      <c r="F555" s="737">
        <f t="shared" si="31"/>
        <v>43079813.193846144</v>
      </c>
      <c r="G555" s="795">
        <f t="shared" si="32"/>
        <v>6102327.4332054118</v>
      </c>
      <c r="H555" s="796">
        <f t="shared" si="33"/>
        <v>6102327.4332054118</v>
      </c>
      <c r="I555" s="793">
        <f t="shared" si="34"/>
        <v>0</v>
      </c>
      <c r="J555" s="793"/>
      <c r="K555" s="813"/>
      <c r="L555" s="797"/>
      <c r="M555" s="813"/>
      <c r="N555" s="797"/>
      <c r="O555" s="797"/>
    </row>
    <row r="556" spans="2:15">
      <c r="C556" s="789">
        <f>IF(D542="","-",+C555+1)</f>
        <v>2024</v>
      </c>
      <c r="D556" s="737">
        <f t="shared" si="30"/>
        <v>43079813.193846144</v>
      </c>
      <c r="E556" s="790">
        <f t="shared" si="35"/>
        <v>1346244.1623076925</v>
      </c>
      <c r="F556" s="737">
        <f t="shared" si="31"/>
        <v>41733569.031538449</v>
      </c>
      <c r="G556" s="795">
        <f t="shared" si="32"/>
        <v>5955986.4094854817</v>
      </c>
      <c r="H556" s="796">
        <f t="shared" si="33"/>
        <v>5955986.4094854817</v>
      </c>
      <c r="I556" s="793">
        <f t="shared" si="34"/>
        <v>0</v>
      </c>
      <c r="J556" s="793"/>
      <c r="K556" s="813"/>
      <c r="L556" s="797"/>
      <c r="M556" s="813"/>
      <c r="N556" s="797"/>
      <c r="O556" s="797"/>
    </row>
    <row r="557" spans="2:15">
      <c r="C557" s="789">
        <f>IF(D542="","-",+C556+1)</f>
        <v>2025</v>
      </c>
      <c r="D557" s="737">
        <f t="shared" si="30"/>
        <v>41733569.031538449</v>
      </c>
      <c r="E557" s="790">
        <f t="shared" si="35"/>
        <v>1346244.1623076925</v>
      </c>
      <c r="F557" s="737">
        <f t="shared" si="31"/>
        <v>40387324.869230755</v>
      </c>
      <c r="G557" s="795">
        <f t="shared" si="32"/>
        <v>5809645.3857655516</v>
      </c>
      <c r="H557" s="796">
        <f t="shared" si="33"/>
        <v>5809645.3857655516</v>
      </c>
      <c r="I557" s="793">
        <f t="shared" si="34"/>
        <v>0</v>
      </c>
      <c r="J557" s="793"/>
      <c r="K557" s="813"/>
      <c r="L557" s="797"/>
      <c r="M557" s="813"/>
      <c r="N557" s="797"/>
      <c r="O557" s="797"/>
    </row>
    <row r="558" spans="2:15">
      <c r="C558" s="789">
        <f>IF(D542="","-",+C557+1)</f>
        <v>2026</v>
      </c>
      <c r="D558" s="737">
        <f t="shared" si="30"/>
        <v>40387324.869230755</v>
      </c>
      <c r="E558" s="790">
        <f t="shared" si="35"/>
        <v>1346244.1623076925</v>
      </c>
      <c r="F558" s="737">
        <f t="shared" si="31"/>
        <v>39041080.70692306</v>
      </c>
      <c r="G558" s="795">
        <f t="shared" si="32"/>
        <v>5663304.3620456215</v>
      </c>
      <c r="H558" s="796">
        <f t="shared" si="33"/>
        <v>5663304.3620456215</v>
      </c>
      <c r="I558" s="793">
        <f t="shared" si="34"/>
        <v>0</v>
      </c>
      <c r="J558" s="793"/>
      <c r="K558" s="813"/>
      <c r="L558" s="797"/>
      <c r="M558" s="813"/>
      <c r="N558" s="797"/>
      <c r="O558" s="797"/>
    </row>
    <row r="559" spans="2:15">
      <c r="C559" s="789">
        <f>IF(D542="","-",+C558+1)</f>
        <v>2027</v>
      </c>
      <c r="D559" s="737">
        <f t="shared" si="30"/>
        <v>39041080.70692306</v>
      </c>
      <c r="E559" s="790">
        <f t="shared" si="35"/>
        <v>1346244.1623076925</v>
      </c>
      <c r="F559" s="737">
        <f t="shared" si="31"/>
        <v>37694836.544615366</v>
      </c>
      <c r="G559" s="795">
        <f t="shared" si="32"/>
        <v>5516963.3383256914</v>
      </c>
      <c r="H559" s="796">
        <f t="shared" si="33"/>
        <v>5516963.3383256914</v>
      </c>
      <c r="I559" s="793">
        <f t="shared" si="34"/>
        <v>0</v>
      </c>
      <c r="J559" s="793"/>
      <c r="K559" s="813"/>
      <c r="L559" s="797"/>
      <c r="M559" s="813"/>
      <c r="N559" s="797"/>
      <c r="O559" s="797"/>
    </row>
    <row r="560" spans="2:15">
      <c r="C560" s="789">
        <f>IF(D542="","-",+C559+1)</f>
        <v>2028</v>
      </c>
      <c r="D560" s="737">
        <f t="shared" si="30"/>
        <v>37694836.544615366</v>
      </c>
      <c r="E560" s="790">
        <f t="shared" si="35"/>
        <v>1346244.1623076925</v>
      </c>
      <c r="F560" s="737">
        <f t="shared" si="31"/>
        <v>36348592.382307671</v>
      </c>
      <c r="G560" s="795">
        <f t="shared" si="32"/>
        <v>5370622.3146057613</v>
      </c>
      <c r="H560" s="796">
        <f t="shared" si="33"/>
        <v>5370622.3146057613</v>
      </c>
      <c r="I560" s="793">
        <f t="shared" si="34"/>
        <v>0</v>
      </c>
      <c r="J560" s="793"/>
      <c r="K560" s="813"/>
      <c r="L560" s="797"/>
      <c r="M560" s="813"/>
      <c r="N560" s="798"/>
      <c r="O560" s="797"/>
    </row>
    <row r="561" spans="3:15">
      <c r="C561" s="789">
        <f>IF(D542="","-",+C560+1)</f>
        <v>2029</v>
      </c>
      <c r="D561" s="737">
        <f t="shared" si="30"/>
        <v>36348592.382307671</v>
      </c>
      <c r="E561" s="790">
        <f t="shared" si="35"/>
        <v>1346244.1623076925</v>
      </c>
      <c r="F561" s="737">
        <f t="shared" si="31"/>
        <v>35002348.219999976</v>
      </c>
      <c r="G561" s="795">
        <f t="shared" si="32"/>
        <v>5224281.2908858312</v>
      </c>
      <c r="H561" s="796">
        <f t="shared" si="33"/>
        <v>5224281.2908858312</v>
      </c>
      <c r="I561" s="793">
        <f t="shared" si="34"/>
        <v>0</v>
      </c>
      <c r="J561" s="793"/>
      <c r="K561" s="813"/>
      <c r="L561" s="797"/>
      <c r="M561" s="813"/>
      <c r="N561" s="797"/>
      <c r="O561" s="797"/>
    </row>
    <row r="562" spans="3:15">
      <c r="C562" s="789">
        <f>IF(D542="","-",+C561+1)</f>
        <v>2030</v>
      </c>
      <c r="D562" s="737">
        <f t="shared" si="30"/>
        <v>35002348.219999976</v>
      </c>
      <c r="E562" s="790">
        <f t="shared" si="35"/>
        <v>1346244.1623076925</v>
      </c>
      <c r="F562" s="737">
        <f t="shared" si="31"/>
        <v>33656104.057692282</v>
      </c>
      <c r="G562" s="795">
        <f t="shared" si="32"/>
        <v>5077940.2671659011</v>
      </c>
      <c r="H562" s="796">
        <f t="shared" si="33"/>
        <v>5077940.2671659011</v>
      </c>
      <c r="I562" s="793">
        <f t="shared" si="34"/>
        <v>0</v>
      </c>
      <c r="J562" s="793"/>
      <c r="K562" s="813"/>
      <c r="L562" s="797"/>
      <c r="M562" s="813"/>
      <c r="N562" s="797"/>
      <c r="O562" s="797"/>
    </row>
    <row r="563" spans="3:15">
      <c r="C563" s="789">
        <f>IF(D542="","-",+C562+1)</f>
        <v>2031</v>
      </c>
      <c r="D563" s="737">
        <f t="shared" si="30"/>
        <v>33656104.057692282</v>
      </c>
      <c r="E563" s="790">
        <f t="shared" si="35"/>
        <v>1346244.1623076925</v>
      </c>
      <c r="F563" s="737">
        <f t="shared" si="31"/>
        <v>32309859.895384591</v>
      </c>
      <c r="G563" s="795">
        <f t="shared" si="32"/>
        <v>4931599.243445971</v>
      </c>
      <c r="H563" s="796">
        <f t="shared" si="33"/>
        <v>4931599.243445971</v>
      </c>
      <c r="I563" s="793">
        <f t="shared" si="34"/>
        <v>0</v>
      </c>
      <c r="J563" s="793"/>
      <c r="K563" s="813"/>
      <c r="L563" s="797"/>
      <c r="M563" s="813"/>
      <c r="N563" s="797"/>
      <c r="O563" s="797"/>
    </row>
    <row r="564" spans="3:15">
      <c r="C564" s="789">
        <f>IF(D542="","-",+C563+1)</f>
        <v>2032</v>
      </c>
      <c r="D564" s="737">
        <f t="shared" si="30"/>
        <v>32309859.895384591</v>
      </c>
      <c r="E564" s="790">
        <f t="shared" si="35"/>
        <v>1346244.1623076925</v>
      </c>
      <c r="F564" s="737">
        <f t="shared" si="31"/>
        <v>30963615.7330769</v>
      </c>
      <c r="G564" s="795">
        <f t="shared" si="32"/>
        <v>4785258.2197260419</v>
      </c>
      <c r="H564" s="796">
        <f t="shared" si="33"/>
        <v>4785258.2197260419</v>
      </c>
      <c r="I564" s="793">
        <f t="shared" si="34"/>
        <v>0</v>
      </c>
      <c r="J564" s="793"/>
      <c r="K564" s="813"/>
      <c r="L564" s="797"/>
      <c r="M564" s="813"/>
      <c r="N564" s="797"/>
      <c r="O564" s="797"/>
    </row>
    <row r="565" spans="3:15">
      <c r="C565" s="789">
        <f>IF(D542="","-",+C564+1)</f>
        <v>2033</v>
      </c>
      <c r="D565" s="737">
        <f t="shared" si="30"/>
        <v>30963615.7330769</v>
      </c>
      <c r="E565" s="790">
        <f t="shared" si="35"/>
        <v>1346244.1623076925</v>
      </c>
      <c r="F565" s="737">
        <f t="shared" si="31"/>
        <v>29617371.570769209</v>
      </c>
      <c r="G565" s="795">
        <f t="shared" si="32"/>
        <v>4638917.1960061118</v>
      </c>
      <c r="H565" s="796">
        <f t="shared" si="33"/>
        <v>4638917.1960061118</v>
      </c>
      <c r="I565" s="793">
        <f t="shared" si="34"/>
        <v>0</v>
      </c>
      <c r="J565" s="793"/>
      <c r="K565" s="813"/>
      <c r="L565" s="797"/>
      <c r="M565" s="813"/>
      <c r="N565" s="797"/>
      <c r="O565" s="797"/>
    </row>
    <row r="566" spans="3:15">
      <c r="C566" s="789">
        <f>IF(D542="","-",+C565+1)</f>
        <v>2034</v>
      </c>
      <c r="D566" s="737">
        <f t="shared" si="30"/>
        <v>29617371.570769209</v>
      </c>
      <c r="E566" s="790">
        <f t="shared" si="35"/>
        <v>1346244.1623076925</v>
      </c>
      <c r="F566" s="737">
        <f t="shared" si="31"/>
        <v>28271127.408461519</v>
      </c>
      <c r="G566" s="795">
        <f t="shared" si="32"/>
        <v>4492576.1722861826</v>
      </c>
      <c r="H566" s="796">
        <f t="shared" si="33"/>
        <v>4492576.1722861826</v>
      </c>
      <c r="I566" s="793">
        <f t="shared" si="34"/>
        <v>0</v>
      </c>
      <c r="J566" s="793"/>
      <c r="K566" s="813"/>
      <c r="L566" s="797"/>
      <c r="M566" s="813"/>
      <c r="N566" s="797"/>
      <c r="O566" s="797"/>
    </row>
    <row r="567" spans="3:15">
      <c r="C567" s="789">
        <f>IF(D542="","-",+C566+1)</f>
        <v>2035</v>
      </c>
      <c r="D567" s="737">
        <f t="shared" si="30"/>
        <v>28271127.408461519</v>
      </c>
      <c r="E567" s="790">
        <f t="shared" si="35"/>
        <v>1346244.1623076925</v>
      </c>
      <c r="F567" s="737">
        <f t="shared" si="31"/>
        <v>26924883.246153828</v>
      </c>
      <c r="G567" s="795">
        <f t="shared" si="32"/>
        <v>4346235.1485662526</v>
      </c>
      <c r="H567" s="796">
        <f t="shared" si="33"/>
        <v>4346235.1485662526</v>
      </c>
      <c r="I567" s="793">
        <f t="shared" si="34"/>
        <v>0</v>
      </c>
      <c r="J567" s="793"/>
      <c r="K567" s="813"/>
      <c r="L567" s="797"/>
      <c r="M567" s="813"/>
      <c r="N567" s="797"/>
      <c r="O567" s="797"/>
    </row>
    <row r="568" spans="3:15">
      <c r="C568" s="789">
        <f>IF(D542="","-",+C567+1)</f>
        <v>2036</v>
      </c>
      <c r="D568" s="737">
        <f t="shared" si="30"/>
        <v>26924883.246153828</v>
      </c>
      <c r="E568" s="790">
        <f t="shared" si="35"/>
        <v>1346244.1623076925</v>
      </c>
      <c r="F568" s="737">
        <f t="shared" si="31"/>
        <v>25578639.083846137</v>
      </c>
      <c r="G568" s="795">
        <f t="shared" si="32"/>
        <v>4199894.1248463225</v>
      </c>
      <c r="H568" s="796">
        <f t="shared" si="33"/>
        <v>4199894.1248463225</v>
      </c>
      <c r="I568" s="793">
        <f t="shared" si="34"/>
        <v>0</v>
      </c>
      <c r="J568" s="793"/>
      <c r="K568" s="813"/>
      <c r="L568" s="797"/>
      <c r="M568" s="813"/>
      <c r="N568" s="797"/>
      <c r="O568" s="797"/>
    </row>
    <row r="569" spans="3:15">
      <c r="C569" s="789">
        <f>IF(D542="","-",+C568+1)</f>
        <v>2037</v>
      </c>
      <c r="D569" s="737">
        <f t="shared" si="30"/>
        <v>25578639.083846137</v>
      </c>
      <c r="E569" s="790">
        <f t="shared" si="35"/>
        <v>1346244.1623076925</v>
      </c>
      <c r="F569" s="737">
        <f t="shared" si="31"/>
        <v>24232394.921538446</v>
      </c>
      <c r="G569" s="795">
        <f t="shared" si="32"/>
        <v>4053553.1011263924</v>
      </c>
      <c r="H569" s="796">
        <f t="shared" si="33"/>
        <v>4053553.1011263924</v>
      </c>
      <c r="I569" s="793">
        <f t="shared" si="34"/>
        <v>0</v>
      </c>
      <c r="J569" s="793"/>
      <c r="K569" s="813"/>
      <c r="L569" s="797"/>
      <c r="M569" s="813"/>
      <c r="N569" s="797"/>
      <c r="O569" s="797"/>
    </row>
    <row r="570" spans="3:15">
      <c r="C570" s="789">
        <f>IF(D542="","-",+C569+1)</f>
        <v>2038</v>
      </c>
      <c r="D570" s="737">
        <f t="shared" si="30"/>
        <v>24232394.921538446</v>
      </c>
      <c r="E570" s="790">
        <f t="shared" si="35"/>
        <v>1346244.1623076925</v>
      </c>
      <c r="F570" s="737">
        <f t="shared" si="31"/>
        <v>22886150.759230755</v>
      </c>
      <c r="G570" s="795">
        <f t="shared" si="32"/>
        <v>3907212.0774064632</v>
      </c>
      <c r="H570" s="796">
        <f t="shared" si="33"/>
        <v>3907212.0774064632</v>
      </c>
      <c r="I570" s="793">
        <f t="shared" si="34"/>
        <v>0</v>
      </c>
      <c r="J570" s="793"/>
      <c r="K570" s="813"/>
      <c r="L570" s="797"/>
      <c r="M570" s="813"/>
      <c r="N570" s="797"/>
      <c r="O570" s="797"/>
    </row>
    <row r="571" spans="3:15">
      <c r="C571" s="789">
        <f>IF(D542="","-",+C570+1)</f>
        <v>2039</v>
      </c>
      <c r="D571" s="737">
        <f t="shared" si="30"/>
        <v>22886150.759230755</v>
      </c>
      <c r="E571" s="790">
        <f t="shared" si="35"/>
        <v>1346244.1623076925</v>
      </c>
      <c r="F571" s="737">
        <f t="shared" si="31"/>
        <v>21539906.596923064</v>
      </c>
      <c r="G571" s="795">
        <f t="shared" si="32"/>
        <v>3760871.0536865331</v>
      </c>
      <c r="H571" s="796">
        <f t="shared" si="33"/>
        <v>3760871.0536865331</v>
      </c>
      <c r="I571" s="793">
        <f t="shared" si="34"/>
        <v>0</v>
      </c>
      <c r="J571" s="793"/>
      <c r="K571" s="813"/>
      <c r="L571" s="797"/>
      <c r="M571" s="813"/>
      <c r="N571" s="797"/>
      <c r="O571" s="797"/>
    </row>
    <row r="572" spans="3:15">
      <c r="C572" s="789">
        <f>IF(D542="","-",+C571+1)</f>
        <v>2040</v>
      </c>
      <c r="D572" s="737">
        <f t="shared" si="30"/>
        <v>21539906.596923064</v>
      </c>
      <c r="E572" s="790">
        <f t="shared" si="35"/>
        <v>1346244.1623076925</v>
      </c>
      <c r="F572" s="737">
        <f t="shared" si="31"/>
        <v>20193662.434615374</v>
      </c>
      <c r="G572" s="795">
        <f t="shared" si="32"/>
        <v>3614530.029966604</v>
      </c>
      <c r="H572" s="796">
        <f t="shared" si="33"/>
        <v>3614530.029966604</v>
      </c>
      <c r="I572" s="793">
        <f t="shared" si="34"/>
        <v>0</v>
      </c>
      <c r="J572" s="793"/>
      <c r="K572" s="813"/>
      <c r="L572" s="797"/>
      <c r="M572" s="813"/>
      <c r="N572" s="797"/>
      <c r="O572" s="797"/>
    </row>
    <row r="573" spans="3:15">
      <c r="C573" s="789">
        <f>IF(D542="","-",+C572+1)</f>
        <v>2041</v>
      </c>
      <c r="D573" s="737">
        <f t="shared" si="30"/>
        <v>20193662.434615374</v>
      </c>
      <c r="E573" s="790">
        <f t="shared" si="35"/>
        <v>1346244.1623076925</v>
      </c>
      <c r="F573" s="737">
        <f t="shared" si="31"/>
        <v>18847418.272307683</v>
      </c>
      <c r="G573" s="795">
        <f t="shared" si="32"/>
        <v>3468189.0062466739</v>
      </c>
      <c r="H573" s="796">
        <f t="shared" si="33"/>
        <v>3468189.0062466739</v>
      </c>
      <c r="I573" s="793">
        <f t="shared" si="34"/>
        <v>0</v>
      </c>
      <c r="J573" s="793"/>
      <c r="K573" s="813"/>
      <c r="L573" s="797"/>
      <c r="M573" s="813"/>
      <c r="N573" s="797"/>
      <c r="O573" s="797"/>
    </row>
    <row r="574" spans="3:15">
      <c r="C574" s="789">
        <f>IF(D542="","-",+C573+1)</f>
        <v>2042</v>
      </c>
      <c r="D574" s="737">
        <f t="shared" si="30"/>
        <v>18847418.272307683</v>
      </c>
      <c r="E574" s="790">
        <f t="shared" si="35"/>
        <v>1346244.1623076925</v>
      </c>
      <c r="F574" s="737">
        <f t="shared" si="31"/>
        <v>17501174.109999992</v>
      </c>
      <c r="G574" s="795">
        <f t="shared" si="32"/>
        <v>3321847.9825267447</v>
      </c>
      <c r="H574" s="796">
        <f t="shared" si="33"/>
        <v>3321847.9825267447</v>
      </c>
      <c r="I574" s="793">
        <f t="shared" si="34"/>
        <v>0</v>
      </c>
      <c r="J574" s="793"/>
      <c r="K574" s="813"/>
      <c r="L574" s="797"/>
      <c r="M574" s="813"/>
      <c r="N574" s="797"/>
      <c r="O574" s="797"/>
    </row>
    <row r="575" spans="3:15">
      <c r="C575" s="789">
        <f>IF(D542="","-",+C574+1)</f>
        <v>2043</v>
      </c>
      <c r="D575" s="737">
        <f t="shared" si="30"/>
        <v>17501174.109999992</v>
      </c>
      <c r="E575" s="790">
        <f t="shared" si="35"/>
        <v>1346244.1623076925</v>
      </c>
      <c r="F575" s="737">
        <f t="shared" si="31"/>
        <v>16154929.947692299</v>
      </c>
      <c r="G575" s="795">
        <f t="shared" si="32"/>
        <v>3175506.9588068146</v>
      </c>
      <c r="H575" s="796">
        <f t="shared" si="33"/>
        <v>3175506.9588068146</v>
      </c>
      <c r="I575" s="793">
        <f t="shared" si="34"/>
        <v>0</v>
      </c>
      <c r="J575" s="793"/>
      <c r="K575" s="813"/>
      <c r="L575" s="797"/>
      <c r="M575" s="813"/>
      <c r="N575" s="797"/>
      <c r="O575" s="797"/>
    </row>
    <row r="576" spans="3:15">
      <c r="C576" s="789">
        <f>IF(D542="","-",+C575+1)</f>
        <v>2044</v>
      </c>
      <c r="D576" s="737">
        <f t="shared" si="30"/>
        <v>16154929.947692299</v>
      </c>
      <c r="E576" s="790">
        <f t="shared" si="35"/>
        <v>1346244.1623076925</v>
      </c>
      <c r="F576" s="737">
        <f t="shared" si="31"/>
        <v>14808685.785384607</v>
      </c>
      <c r="G576" s="791">
        <f t="shared" si="32"/>
        <v>3029165.935086885</v>
      </c>
      <c r="H576" s="796">
        <f t="shared" si="33"/>
        <v>3029165.935086885</v>
      </c>
      <c r="I576" s="793">
        <f t="shared" si="34"/>
        <v>0</v>
      </c>
      <c r="J576" s="793"/>
      <c r="K576" s="813"/>
      <c r="L576" s="797"/>
      <c r="M576" s="813"/>
      <c r="N576" s="797"/>
      <c r="O576" s="797"/>
    </row>
    <row r="577" spans="3:15">
      <c r="C577" s="789">
        <f>IF(D542="","-",+C576+1)</f>
        <v>2045</v>
      </c>
      <c r="D577" s="737">
        <f t="shared" si="30"/>
        <v>14808685.785384607</v>
      </c>
      <c r="E577" s="790">
        <f t="shared" si="35"/>
        <v>1346244.1623076925</v>
      </c>
      <c r="F577" s="737">
        <f t="shared" si="31"/>
        <v>13462441.623076914</v>
      </c>
      <c r="G577" s="795">
        <f t="shared" si="32"/>
        <v>2882824.9113669549</v>
      </c>
      <c r="H577" s="796">
        <f t="shared" si="33"/>
        <v>2882824.9113669549</v>
      </c>
      <c r="I577" s="793">
        <f t="shared" si="34"/>
        <v>0</v>
      </c>
      <c r="J577" s="793"/>
      <c r="K577" s="813"/>
      <c r="L577" s="797"/>
      <c r="M577" s="813"/>
      <c r="N577" s="797"/>
      <c r="O577" s="797"/>
    </row>
    <row r="578" spans="3:15">
      <c r="C578" s="789">
        <f>IF(D542="","-",+C577+1)</f>
        <v>2046</v>
      </c>
      <c r="D578" s="737">
        <f t="shared" si="30"/>
        <v>13462441.623076914</v>
      </c>
      <c r="E578" s="790">
        <f t="shared" si="35"/>
        <v>1346244.1623076925</v>
      </c>
      <c r="F578" s="737">
        <f t="shared" si="31"/>
        <v>12116197.460769221</v>
      </c>
      <c r="G578" s="795">
        <f t="shared" si="32"/>
        <v>2736483.8876470253</v>
      </c>
      <c r="H578" s="796">
        <f t="shared" si="33"/>
        <v>2736483.8876470253</v>
      </c>
      <c r="I578" s="793">
        <f t="shared" si="34"/>
        <v>0</v>
      </c>
      <c r="J578" s="793"/>
      <c r="K578" s="813"/>
      <c r="L578" s="797"/>
      <c r="M578" s="813"/>
      <c r="N578" s="797"/>
      <c r="O578" s="797"/>
    </row>
    <row r="579" spans="3:15">
      <c r="C579" s="789">
        <f>IF(D542="","-",+C578+1)</f>
        <v>2047</v>
      </c>
      <c r="D579" s="737">
        <f t="shared" si="30"/>
        <v>12116197.460769221</v>
      </c>
      <c r="E579" s="790">
        <f t="shared" si="35"/>
        <v>1346244.1623076925</v>
      </c>
      <c r="F579" s="737">
        <f t="shared" si="31"/>
        <v>10769953.298461528</v>
      </c>
      <c r="G579" s="795">
        <f t="shared" si="32"/>
        <v>2590142.8639270952</v>
      </c>
      <c r="H579" s="796">
        <f t="shared" si="33"/>
        <v>2590142.8639270952</v>
      </c>
      <c r="I579" s="793">
        <f t="shared" si="34"/>
        <v>0</v>
      </c>
      <c r="J579" s="793"/>
      <c r="K579" s="813"/>
      <c r="L579" s="797"/>
      <c r="M579" s="813"/>
      <c r="N579" s="797"/>
      <c r="O579" s="797"/>
    </row>
    <row r="580" spans="3:15">
      <c r="C580" s="789">
        <f>IF(D542="","-",+C579+1)</f>
        <v>2048</v>
      </c>
      <c r="D580" s="737">
        <f t="shared" si="30"/>
        <v>10769953.298461528</v>
      </c>
      <c r="E580" s="790">
        <f t="shared" si="35"/>
        <v>1346244.1623076925</v>
      </c>
      <c r="F580" s="737">
        <f t="shared" si="31"/>
        <v>9423709.1361538358</v>
      </c>
      <c r="G580" s="795">
        <f t="shared" si="32"/>
        <v>2443801.8402071651</v>
      </c>
      <c r="H580" s="796">
        <f t="shared" si="33"/>
        <v>2443801.8402071651</v>
      </c>
      <c r="I580" s="793">
        <f t="shared" si="34"/>
        <v>0</v>
      </c>
      <c r="J580" s="793"/>
      <c r="K580" s="813"/>
      <c r="L580" s="797"/>
      <c r="M580" s="813"/>
      <c r="N580" s="797"/>
      <c r="O580" s="797"/>
    </row>
    <row r="581" spans="3:15">
      <c r="C581" s="789">
        <f>IF(D542="","-",+C580+1)</f>
        <v>2049</v>
      </c>
      <c r="D581" s="737">
        <f t="shared" si="30"/>
        <v>9423709.1361538358</v>
      </c>
      <c r="E581" s="790">
        <f t="shared" si="35"/>
        <v>1346244.1623076925</v>
      </c>
      <c r="F581" s="737">
        <f t="shared" si="31"/>
        <v>8077464.9738461431</v>
      </c>
      <c r="G581" s="795">
        <f t="shared" si="32"/>
        <v>2297460.816487235</v>
      </c>
      <c r="H581" s="796">
        <f t="shared" si="33"/>
        <v>2297460.816487235</v>
      </c>
      <c r="I581" s="793">
        <f t="shared" si="34"/>
        <v>0</v>
      </c>
      <c r="J581" s="793"/>
      <c r="K581" s="813"/>
      <c r="L581" s="797"/>
      <c r="M581" s="813"/>
      <c r="N581" s="797"/>
      <c r="O581" s="797"/>
    </row>
    <row r="582" spans="3:15">
      <c r="C582" s="789">
        <f>IF(D542="","-",+C581+1)</f>
        <v>2050</v>
      </c>
      <c r="D582" s="737">
        <f t="shared" si="30"/>
        <v>8077464.9738461431</v>
      </c>
      <c r="E582" s="790">
        <f t="shared" si="35"/>
        <v>1346244.1623076925</v>
      </c>
      <c r="F582" s="737">
        <f t="shared" si="31"/>
        <v>6731220.8115384504</v>
      </c>
      <c r="G582" s="795">
        <f t="shared" si="32"/>
        <v>2151119.7927673054</v>
      </c>
      <c r="H582" s="796">
        <f t="shared" si="33"/>
        <v>2151119.7927673054</v>
      </c>
      <c r="I582" s="793">
        <f t="shared" si="34"/>
        <v>0</v>
      </c>
      <c r="J582" s="793"/>
      <c r="K582" s="813"/>
      <c r="L582" s="797"/>
      <c r="M582" s="813"/>
      <c r="N582" s="797"/>
      <c r="O582" s="797"/>
    </row>
    <row r="583" spans="3:15">
      <c r="C583" s="789">
        <f>IF(D542="","-",+C582+1)</f>
        <v>2051</v>
      </c>
      <c r="D583" s="737">
        <f t="shared" si="30"/>
        <v>6731220.8115384504</v>
      </c>
      <c r="E583" s="790">
        <f t="shared" si="35"/>
        <v>1346244.1623076925</v>
      </c>
      <c r="F583" s="737">
        <f t="shared" si="31"/>
        <v>5384976.6492307577</v>
      </c>
      <c r="G583" s="795">
        <f t="shared" si="32"/>
        <v>2004778.7690473755</v>
      </c>
      <c r="H583" s="796">
        <f t="shared" si="33"/>
        <v>2004778.7690473755</v>
      </c>
      <c r="I583" s="793">
        <f t="shared" si="34"/>
        <v>0</v>
      </c>
      <c r="J583" s="793"/>
      <c r="K583" s="813"/>
      <c r="L583" s="797"/>
      <c r="M583" s="813"/>
      <c r="N583" s="797"/>
      <c r="O583" s="797"/>
    </row>
    <row r="584" spans="3:15">
      <c r="C584" s="789">
        <f>IF(D542="","-",+C583+1)</f>
        <v>2052</v>
      </c>
      <c r="D584" s="737">
        <f t="shared" si="30"/>
        <v>5384976.6492307577</v>
      </c>
      <c r="E584" s="790">
        <f t="shared" si="35"/>
        <v>1346244.1623076925</v>
      </c>
      <c r="F584" s="737">
        <f t="shared" si="31"/>
        <v>4038732.486923065</v>
      </c>
      <c r="G584" s="795">
        <f t="shared" si="32"/>
        <v>1858437.7453274457</v>
      </c>
      <c r="H584" s="796">
        <f t="shared" si="33"/>
        <v>1858437.7453274457</v>
      </c>
      <c r="I584" s="793">
        <f t="shared" si="34"/>
        <v>0</v>
      </c>
      <c r="J584" s="793"/>
      <c r="K584" s="813"/>
      <c r="L584" s="797"/>
      <c r="M584" s="813"/>
      <c r="N584" s="797"/>
      <c r="O584" s="797"/>
    </row>
    <row r="585" spans="3:15">
      <c r="C585" s="789">
        <f>IF(D542="","-",+C584+1)</f>
        <v>2053</v>
      </c>
      <c r="D585" s="737">
        <f t="shared" si="30"/>
        <v>4038732.486923065</v>
      </c>
      <c r="E585" s="790">
        <f t="shared" si="35"/>
        <v>1346244.1623076925</v>
      </c>
      <c r="F585" s="737">
        <f t="shared" si="31"/>
        <v>2692488.3246153723</v>
      </c>
      <c r="G585" s="795">
        <f t="shared" si="32"/>
        <v>1712096.7216075158</v>
      </c>
      <c r="H585" s="796">
        <f t="shared" si="33"/>
        <v>1712096.7216075158</v>
      </c>
      <c r="I585" s="793">
        <f t="shared" si="34"/>
        <v>0</v>
      </c>
      <c r="J585" s="793"/>
      <c r="K585" s="813"/>
      <c r="L585" s="797"/>
      <c r="M585" s="813"/>
      <c r="N585" s="797"/>
      <c r="O585" s="797"/>
    </row>
    <row r="586" spans="3:15">
      <c r="C586" s="789">
        <f>IF(D542="","-",+C585+1)</f>
        <v>2054</v>
      </c>
      <c r="D586" s="737">
        <f t="shared" si="30"/>
        <v>2692488.3246153723</v>
      </c>
      <c r="E586" s="790">
        <f t="shared" si="35"/>
        <v>1346244.1623076925</v>
      </c>
      <c r="F586" s="737">
        <f t="shared" si="31"/>
        <v>1346244.1623076799</v>
      </c>
      <c r="G586" s="795">
        <f t="shared" si="32"/>
        <v>1565755.697887586</v>
      </c>
      <c r="H586" s="796">
        <f t="shared" si="33"/>
        <v>1565755.697887586</v>
      </c>
      <c r="I586" s="793">
        <f t="shared" si="34"/>
        <v>0</v>
      </c>
      <c r="J586" s="793"/>
      <c r="K586" s="813"/>
      <c r="L586" s="797"/>
      <c r="M586" s="813"/>
      <c r="N586" s="797"/>
      <c r="O586" s="797"/>
    </row>
    <row r="587" spans="3:15">
      <c r="C587" s="789">
        <f>IF(D542="","-",+C586+1)</f>
        <v>2055</v>
      </c>
      <c r="D587" s="737">
        <f t="shared" si="30"/>
        <v>1346244.1623076799</v>
      </c>
      <c r="E587" s="790">
        <f t="shared" si="35"/>
        <v>1346244.1623076799</v>
      </c>
      <c r="F587" s="737">
        <f t="shared" si="31"/>
        <v>0</v>
      </c>
      <c r="G587" s="795">
        <f t="shared" si="32"/>
        <v>1419414.6741676442</v>
      </c>
      <c r="H587" s="796">
        <f t="shared" si="33"/>
        <v>1419414.6741676442</v>
      </c>
      <c r="I587" s="793">
        <f t="shared" si="34"/>
        <v>0</v>
      </c>
      <c r="J587" s="793"/>
      <c r="K587" s="813"/>
      <c r="L587" s="797"/>
      <c r="M587" s="813"/>
      <c r="N587" s="797"/>
      <c r="O587" s="797"/>
    </row>
    <row r="588" spans="3:15">
      <c r="C588" s="789">
        <f>IF(D542="","-",+C587+1)</f>
        <v>2056</v>
      </c>
      <c r="D588" s="737">
        <f t="shared" si="30"/>
        <v>0</v>
      </c>
      <c r="E588" s="790">
        <f t="shared" si="35"/>
        <v>0</v>
      </c>
      <c r="F588" s="737">
        <f t="shared" si="31"/>
        <v>0</v>
      </c>
      <c r="G588" s="795">
        <f t="shared" si="32"/>
        <v>0</v>
      </c>
      <c r="H588" s="796">
        <f t="shared" si="33"/>
        <v>0</v>
      </c>
      <c r="I588" s="793">
        <f t="shared" si="34"/>
        <v>0</v>
      </c>
      <c r="J588" s="793"/>
      <c r="K588" s="813"/>
      <c r="L588" s="797"/>
      <c r="M588" s="813"/>
      <c r="N588" s="797"/>
      <c r="O588" s="797"/>
    </row>
    <row r="589" spans="3:15">
      <c r="C589" s="789">
        <f>IF(D542="","-",+C588+1)</f>
        <v>2057</v>
      </c>
      <c r="D589" s="737">
        <f t="shared" si="30"/>
        <v>0</v>
      </c>
      <c r="E589" s="790">
        <f t="shared" si="35"/>
        <v>0</v>
      </c>
      <c r="F589" s="737">
        <f t="shared" si="31"/>
        <v>0</v>
      </c>
      <c r="G589" s="795">
        <f t="shared" si="32"/>
        <v>0</v>
      </c>
      <c r="H589" s="796">
        <f t="shared" si="33"/>
        <v>0</v>
      </c>
      <c r="I589" s="793">
        <f t="shared" si="34"/>
        <v>0</v>
      </c>
      <c r="J589" s="793"/>
      <c r="K589" s="813"/>
      <c r="L589" s="797"/>
      <c r="M589" s="813"/>
      <c r="N589" s="797"/>
      <c r="O589" s="797"/>
    </row>
    <row r="590" spans="3:15">
      <c r="C590" s="789">
        <f>IF(D542="","-",+C589+1)</f>
        <v>2058</v>
      </c>
      <c r="D590" s="737">
        <f t="shared" si="30"/>
        <v>0</v>
      </c>
      <c r="E590" s="790">
        <f t="shared" si="35"/>
        <v>0</v>
      </c>
      <c r="F590" s="737">
        <f t="shared" si="31"/>
        <v>0</v>
      </c>
      <c r="G590" s="795">
        <f t="shared" si="32"/>
        <v>0</v>
      </c>
      <c r="H590" s="796">
        <f t="shared" si="33"/>
        <v>0</v>
      </c>
      <c r="I590" s="793">
        <f t="shared" si="34"/>
        <v>0</v>
      </c>
      <c r="J590" s="793"/>
      <c r="K590" s="813"/>
      <c r="L590" s="797"/>
      <c r="M590" s="813"/>
      <c r="N590" s="797"/>
      <c r="O590" s="797"/>
    </row>
    <row r="591" spans="3:15">
      <c r="C591" s="789">
        <f>IF(D542="","-",+C590+1)</f>
        <v>2059</v>
      </c>
      <c r="D591" s="737">
        <f t="shared" si="30"/>
        <v>0</v>
      </c>
      <c r="E591" s="790">
        <f t="shared" si="35"/>
        <v>0</v>
      </c>
      <c r="F591" s="737">
        <f t="shared" si="31"/>
        <v>0</v>
      </c>
      <c r="G591" s="795">
        <f t="shared" si="32"/>
        <v>0</v>
      </c>
      <c r="H591" s="796">
        <f t="shared" si="33"/>
        <v>0</v>
      </c>
      <c r="I591" s="793">
        <f t="shared" si="34"/>
        <v>0</v>
      </c>
      <c r="J591" s="793"/>
      <c r="K591" s="813"/>
      <c r="L591" s="797"/>
      <c r="M591" s="813"/>
      <c r="N591" s="797"/>
      <c r="O591" s="797"/>
    </row>
    <row r="592" spans="3:15">
      <c r="C592" s="789">
        <f>IF(D542="","-",+C591+1)</f>
        <v>2060</v>
      </c>
      <c r="D592" s="737">
        <f t="shared" si="30"/>
        <v>0</v>
      </c>
      <c r="E592" s="790">
        <f t="shared" si="35"/>
        <v>0</v>
      </c>
      <c r="F592" s="737">
        <f t="shared" si="31"/>
        <v>0</v>
      </c>
      <c r="G592" s="795">
        <f t="shared" si="32"/>
        <v>0</v>
      </c>
      <c r="H592" s="796">
        <f t="shared" si="33"/>
        <v>0</v>
      </c>
      <c r="I592" s="793">
        <f t="shared" si="34"/>
        <v>0</v>
      </c>
      <c r="J592" s="793"/>
      <c r="K592" s="813"/>
      <c r="L592" s="797"/>
      <c r="M592" s="813"/>
      <c r="N592" s="797"/>
      <c r="O592" s="797"/>
    </row>
    <row r="593" spans="3:15">
      <c r="C593" s="789">
        <f>IF(D542="","-",+C592+1)</f>
        <v>2061</v>
      </c>
      <c r="D593" s="737">
        <f t="shared" si="30"/>
        <v>0</v>
      </c>
      <c r="E593" s="790">
        <f t="shared" si="35"/>
        <v>0</v>
      </c>
      <c r="F593" s="737">
        <f t="shared" si="31"/>
        <v>0</v>
      </c>
      <c r="G593" s="795">
        <f t="shared" si="32"/>
        <v>0</v>
      </c>
      <c r="H593" s="796">
        <f t="shared" si="33"/>
        <v>0</v>
      </c>
      <c r="I593" s="793">
        <f t="shared" si="34"/>
        <v>0</v>
      </c>
      <c r="J593" s="793"/>
      <c r="K593" s="813"/>
      <c r="L593" s="797"/>
      <c r="M593" s="813"/>
      <c r="N593" s="797"/>
      <c r="O593" s="797"/>
    </row>
    <row r="594" spans="3:15">
      <c r="C594" s="789">
        <f>IF(D542="","-",+C593+1)</f>
        <v>2062</v>
      </c>
      <c r="D594" s="737">
        <f t="shared" si="30"/>
        <v>0</v>
      </c>
      <c r="E594" s="790">
        <f t="shared" si="35"/>
        <v>0</v>
      </c>
      <c r="F594" s="737">
        <f t="shared" si="31"/>
        <v>0</v>
      </c>
      <c r="G594" s="795">
        <f t="shared" si="32"/>
        <v>0</v>
      </c>
      <c r="H594" s="796">
        <f t="shared" si="33"/>
        <v>0</v>
      </c>
      <c r="I594" s="793">
        <f t="shared" si="34"/>
        <v>0</v>
      </c>
      <c r="J594" s="793"/>
      <c r="K594" s="813"/>
      <c r="L594" s="797"/>
      <c r="M594" s="813"/>
      <c r="N594" s="797"/>
      <c r="O594" s="797"/>
    </row>
    <row r="595" spans="3:15">
      <c r="C595" s="789">
        <f>IF(D542="","-",+C594+1)</f>
        <v>2063</v>
      </c>
      <c r="D595" s="737">
        <f t="shared" si="30"/>
        <v>0</v>
      </c>
      <c r="E595" s="790">
        <f t="shared" si="35"/>
        <v>0</v>
      </c>
      <c r="F595" s="737">
        <f t="shared" si="31"/>
        <v>0</v>
      </c>
      <c r="G595" s="795">
        <f t="shared" si="32"/>
        <v>0</v>
      </c>
      <c r="H595" s="796">
        <f t="shared" si="33"/>
        <v>0</v>
      </c>
      <c r="I595" s="793">
        <f t="shared" si="34"/>
        <v>0</v>
      </c>
      <c r="J595" s="793"/>
      <c r="K595" s="813"/>
      <c r="L595" s="797"/>
      <c r="M595" s="813"/>
      <c r="N595" s="797"/>
      <c r="O595" s="797"/>
    </row>
    <row r="596" spans="3:15">
      <c r="C596" s="789">
        <f>IF(D542="","-",+C595+1)</f>
        <v>2064</v>
      </c>
      <c r="D596" s="737">
        <f t="shared" si="30"/>
        <v>0</v>
      </c>
      <c r="E596" s="790">
        <f t="shared" si="35"/>
        <v>0</v>
      </c>
      <c r="F596" s="737">
        <f t="shared" si="31"/>
        <v>0</v>
      </c>
      <c r="G596" s="795">
        <f t="shared" si="32"/>
        <v>0</v>
      </c>
      <c r="H596" s="796">
        <f t="shared" si="33"/>
        <v>0</v>
      </c>
      <c r="I596" s="793">
        <f t="shared" si="34"/>
        <v>0</v>
      </c>
      <c r="J596" s="793"/>
      <c r="K596" s="813"/>
      <c r="L596" s="797"/>
      <c r="M596" s="813"/>
      <c r="N596" s="797"/>
      <c r="O596" s="797"/>
    </row>
    <row r="597" spans="3:15">
      <c r="C597" s="789">
        <f>IF(D542="","-",+C596+1)</f>
        <v>2065</v>
      </c>
      <c r="D597" s="737">
        <f t="shared" si="30"/>
        <v>0</v>
      </c>
      <c r="E597" s="790">
        <f t="shared" si="35"/>
        <v>0</v>
      </c>
      <c r="F597" s="737">
        <f t="shared" si="31"/>
        <v>0</v>
      </c>
      <c r="G597" s="795">
        <f t="shared" si="32"/>
        <v>0</v>
      </c>
      <c r="H597" s="796">
        <f t="shared" si="33"/>
        <v>0</v>
      </c>
      <c r="I597" s="793">
        <f t="shared" si="34"/>
        <v>0</v>
      </c>
      <c r="J597" s="793"/>
      <c r="K597" s="813"/>
      <c r="L597" s="797"/>
      <c r="M597" s="813"/>
      <c r="N597" s="797"/>
      <c r="O597" s="797"/>
    </row>
    <row r="598" spans="3:15">
      <c r="C598" s="789">
        <f>IF(D542="","-",+C597+1)</f>
        <v>2066</v>
      </c>
      <c r="D598" s="737">
        <f t="shared" si="30"/>
        <v>0</v>
      </c>
      <c r="E598" s="790">
        <f t="shared" si="35"/>
        <v>0</v>
      </c>
      <c r="F598" s="737">
        <f t="shared" si="31"/>
        <v>0</v>
      </c>
      <c r="G598" s="795">
        <f t="shared" si="32"/>
        <v>0</v>
      </c>
      <c r="H598" s="796">
        <f t="shared" si="33"/>
        <v>0</v>
      </c>
      <c r="I598" s="793">
        <f t="shared" si="34"/>
        <v>0</v>
      </c>
      <c r="J598" s="793"/>
      <c r="K598" s="813"/>
      <c r="L598" s="797"/>
      <c r="M598" s="813"/>
      <c r="N598" s="797"/>
      <c r="O598" s="797"/>
    </row>
    <row r="599" spans="3:15">
      <c r="C599" s="789">
        <f>IF(D542="","-",+C598+1)</f>
        <v>2067</v>
      </c>
      <c r="D599" s="737">
        <f t="shared" si="30"/>
        <v>0</v>
      </c>
      <c r="E599" s="790">
        <f t="shared" si="35"/>
        <v>0</v>
      </c>
      <c r="F599" s="737">
        <f t="shared" si="31"/>
        <v>0</v>
      </c>
      <c r="G599" s="795">
        <f t="shared" si="32"/>
        <v>0</v>
      </c>
      <c r="H599" s="796">
        <f t="shared" si="33"/>
        <v>0</v>
      </c>
      <c r="I599" s="793">
        <f t="shared" si="34"/>
        <v>0</v>
      </c>
      <c r="J599" s="793"/>
      <c r="K599" s="813"/>
      <c r="L599" s="797"/>
      <c r="M599" s="813"/>
      <c r="N599" s="797"/>
      <c r="O599" s="797"/>
    </row>
    <row r="600" spans="3:15">
      <c r="C600" s="789">
        <f>IF(D542="","-",+C599+1)</f>
        <v>2068</v>
      </c>
      <c r="D600" s="737">
        <f t="shared" si="30"/>
        <v>0</v>
      </c>
      <c r="E600" s="790">
        <f t="shared" si="35"/>
        <v>0</v>
      </c>
      <c r="F600" s="737">
        <f t="shared" si="31"/>
        <v>0</v>
      </c>
      <c r="G600" s="795">
        <f t="shared" si="32"/>
        <v>0</v>
      </c>
      <c r="H600" s="796">
        <f t="shared" si="33"/>
        <v>0</v>
      </c>
      <c r="I600" s="793">
        <f t="shared" si="34"/>
        <v>0</v>
      </c>
      <c r="J600" s="793"/>
      <c r="K600" s="813"/>
      <c r="L600" s="797"/>
      <c r="M600" s="813"/>
      <c r="N600" s="797"/>
      <c r="O600" s="797"/>
    </row>
    <row r="601" spans="3:15">
      <c r="C601" s="789">
        <f>IF(D542="","-",+C600+1)</f>
        <v>2069</v>
      </c>
      <c r="D601" s="737">
        <f t="shared" si="30"/>
        <v>0</v>
      </c>
      <c r="E601" s="790">
        <f t="shared" si="35"/>
        <v>0</v>
      </c>
      <c r="F601" s="737">
        <f t="shared" si="31"/>
        <v>0</v>
      </c>
      <c r="G601" s="795">
        <f t="shared" si="32"/>
        <v>0</v>
      </c>
      <c r="H601" s="796">
        <f t="shared" si="33"/>
        <v>0</v>
      </c>
      <c r="I601" s="793">
        <f t="shared" si="34"/>
        <v>0</v>
      </c>
      <c r="J601" s="793"/>
      <c r="K601" s="813"/>
      <c r="L601" s="797"/>
      <c r="M601" s="813"/>
      <c r="N601" s="797"/>
      <c r="O601" s="797"/>
    </row>
    <row r="602" spans="3:15">
      <c r="C602" s="789">
        <f>IF(D542="","-",+C601+1)</f>
        <v>2070</v>
      </c>
      <c r="D602" s="737">
        <f t="shared" si="30"/>
        <v>0</v>
      </c>
      <c r="E602" s="790">
        <f t="shared" si="35"/>
        <v>0</v>
      </c>
      <c r="F602" s="737">
        <f t="shared" si="31"/>
        <v>0</v>
      </c>
      <c r="G602" s="795">
        <f t="shared" si="32"/>
        <v>0</v>
      </c>
      <c r="H602" s="796">
        <f t="shared" si="33"/>
        <v>0</v>
      </c>
      <c r="I602" s="793">
        <f t="shared" si="34"/>
        <v>0</v>
      </c>
      <c r="J602" s="793"/>
      <c r="K602" s="813"/>
      <c r="L602" s="797"/>
      <c r="M602" s="813"/>
      <c r="N602" s="797"/>
      <c r="O602" s="797"/>
    </row>
    <row r="603" spans="3:15">
      <c r="C603" s="789">
        <f>IF(D542="","-",+C602+1)</f>
        <v>2071</v>
      </c>
      <c r="D603" s="737">
        <f t="shared" si="30"/>
        <v>0</v>
      </c>
      <c r="E603" s="790">
        <f t="shared" si="35"/>
        <v>0</v>
      </c>
      <c r="F603" s="737">
        <f t="shared" si="31"/>
        <v>0</v>
      </c>
      <c r="G603" s="795">
        <f t="shared" si="32"/>
        <v>0</v>
      </c>
      <c r="H603" s="796">
        <f t="shared" si="33"/>
        <v>0</v>
      </c>
      <c r="I603" s="793">
        <f t="shared" si="34"/>
        <v>0</v>
      </c>
      <c r="J603" s="793"/>
      <c r="K603" s="813"/>
      <c r="L603" s="797"/>
      <c r="M603" s="813"/>
      <c r="N603" s="797"/>
      <c r="O603" s="797"/>
    </row>
    <row r="604" spans="3:15">
      <c r="C604" s="789">
        <f>IF(D542="","-",+C603+1)</f>
        <v>2072</v>
      </c>
      <c r="D604" s="737">
        <f t="shared" si="30"/>
        <v>0</v>
      </c>
      <c r="E604" s="790">
        <f t="shared" si="35"/>
        <v>0</v>
      </c>
      <c r="F604" s="737">
        <f t="shared" si="31"/>
        <v>0</v>
      </c>
      <c r="G604" s="795">
        <f t="shared" si="32"/>
        <v>0</v>
      </c>
      <c r="H604" s="796">
        <f t="shared" si="33"/>
        <v>0</v>
      </c>
      <c r="I604" s="793">
        <f t="shared" si="34"/>
        <v>0</v>
      </c>
      <c r="J604" s="793"/>
      <c r="K604" s="813"/>
      <c r="L604" s="797"/>
      <c r="M604" s="813"/>
      <c r="N604" s="797"/>
      <c r="O604" s="797"/>
    </row>
    <row r="605" spans="3:15">
      <c r="C605" s="789">
        <f>IF(D542="","-",+C604+1)</f>
        <v>2073</v>
      </c>
      <c r="D605" s="737">
        <f t="shared" si="30"/>
        <v>0</v>
      </c>
      <c r="E605" s="790">
        <f t="shared" si="35"/>
        <v>0</v>
      </c>
      <c r="F605" s="737">
        <f t="shared" si="31"/>
        <v>0</v>
      </c>
      <c r="G605" s="795">
        <f t="shared" si="32"/>
        <v>0</v>
      </c>
      <c r="H605" s="796">
        <f t="shared" si="33"/>
        <v>0</v>
      </c>
      <c r="I605" s="793">
        <f t="shared" si="34"/>
        <v>0</v>
      </c>
      <c r="J605" s="793"/>
      <c r="K605" s="813"/>
      <c r="L605" s="797"/>
      <c r="M605" s="813"/>
      <c r="N605" s="797"/>
      <c r="O605" s="797"/>
    </row>
    <row r="606" spans="3:15">
      <c r="C606" s="789">
        <f>IF(D542="","-",+C605+1)</f>
        <v>2074</v>
      </c>
      <c r="D606" s="737">
        <f t="shared" si="30"/>
        <v>0</v>
      </c>
      <c r="E606" s="790">
        <f t="shared" si="35"/>
        <v>0</v>
      </c>
      <c r="F606" s="737">
        <f t="shared" si="31"/>
        <v>0</v>
      </c>
      <c r="G606" s="795">
        <f t="shared" si="32"/>
        <v>0</v>
      </c>
      <c r="H606" s="796">
        <f t="shared" si="33"/>
        <v>0</v>
      </c>
      <c r="I606" s="793">
        <f t="shared" si="34"/>
        <v>0</v>
      </c>
      <c r="J606" s="793"/>
      <c r="K606" s="813"/>
      <c r="L606" s="797"/>
      <c r="M606" s="813"/>
      <c r="N606" s="797"/>
      <c r="O606" s="797"/>
    </row>
    <row r="607" spans="3:15" ht="13.5" thickBot="1">
      <c r="C607" s="799">
        <f>IF(D542="","-",+C606+1)</f>
        <v>2075</v>
      </c>
      <c r="D607" s="800">
        <f t="shared" si="30"/>
        <v>0</v>
      </c>
      <c r="E607" s="801">
        <f t="shared" si="35"/>
        <v>0</v>
      </c>
      <c r="F607" s="800">
        <f t="shared" si="31"/>
        <v>0</v>
      </c>
      <c r="G607" s="802">
        <f t="shared" si="32"/>
        <v>0</v>
      </c>
      <c r="H607" s="802">
        <f t="shared" si="33"/>
        <v>0</v>
      </c>
      <c r="I607" s="803">
        <f t="shared" si="34"/>
        <v>0</v>
      </c>
      <c r="J607" s="793"/>
      <c r="K607" s="814"/>
      <c r="L607" s="804"/>
      <c r="M607" s="814"/>
      <c r="N607" s="804"/>
      <c r="O607" s="804"/>
    </row>
    <row r="608" spans="3:15">
      <c r="C608" s="737" t="s">
        <v>91</v>
      </c>
      <c r="D608" s="731"/>
      <c r="E608" s="731">
        <f>SUM(E548:E607)</f>
        <v>52503522.330000006</v>
      </c>
      <c r="F608" s="731"/>
      <c r="G608" s="731">
        <f>SUM(G548:G607)</f>
        <v>169503170.79408386</v>
      </c>
      <c r="H608" s="731">
        <f>SUM(H548:H607)</f>
        <v>169503170.79408386</v>
      </c>
      <c r="I608" s="731">
        <f>SUM(I548:I607)</f>
        <v>0</v>
      </c>
      <c r="J608" s="731"/>
      <c r="K608" s="731"/>
      <c r="L608" s="731"/>
      <c r="M608" s="731"/>
      <c r="N608" s="731"/>
      <c r="O608" s="314"/>
    </row>
    <row r="609" spans="1:16">
      <c r="D609" s="539"/>
      <c r="E609" s="314"/>
      <c r="F609" s="314"/>
      <c r="G609" s="314"/>
      <c r="H609" s="709"/>
      <c r="I609" s="709"/>
      <c r="J609" s="731"/>
      <c r="K609" s="709"/>
      <c r="L609" s="709"/>
      <c r="M609" s="709"/>
      <c r="N609" s="709"/>
      <c r="O609" s="314"/>
    </row>
    <row r="610" spans="1:16">
      <c r="C610" s="314" t="s">
        <v>13</v>
      </c>
      <c r="D610" s="539"/>
      <c r="E610" s="314"/>
      <c r="F610" s="314"/>
      <c r="G610" s="314"/>
      <c r="H610" s="709"/>
      <c r="I610" s="709"/>
      <c r="J610" s="731"/>
      <c r="K610" s="709"/>
      <c r="L610" s="709"/>
      <c r="M610" s="709"/>
      <c r="N610" s="709"/>
      <c r="O610" s="314"/>
    </row>
    <row r="611" spans="1:16">
      <c r="C611" s="314"/>
      <c r="D611" s="539"/>
      <c r="E611" s="314"/>
      <c r="F611" s="314"/>
      <c r="G611" s="314"/>
      <c r="H611" s="709"/>
      <c r="I611" s="709"/>
      <c r="J611" s="731"/>
      <c r="K611" s="709"/>
      <c r="L611" s="709"/>
      <c r="M611" s="709"/>
      <c r="N611" s="709"/>
      <c r="O611" s="314"/>
    </row>
    <row r="612" spans="1:16">
      <c r="C612" s="750" t="s">
        <v>14</v>
      </c>
      <c r="D612" s="737"/>
      <c r="E612" s="737"/>
      <c r="F612" s="737"/>
      <c r="G612" s="731"/>
      <c r="H612" s="731"/>
      <c r="I612" s="805"/>
      <c r="J612" s="805"/>
      <c r="K612" s="805"/>
      <c r="L612" s="805"/>
      <c r="M612" s="805"/>
      <c r="N612" s="805"/>
      <c r="O612" s="314"/>
    </row>
    <row r="613" spans="1:16">
      <c r="C613" s="736" t="s">
        <v>271</v>
      </c>
      <c r="D613" s="737"/>
      <c r="E613" s="737"/>
      <c r="F613" s="737"/>
      <c r="G613" s="731"/>
      <c r="H613" s="731"/>
      <c r="I613" s="805"/>
      <c r="J613" s="805"/>
      <c r="K613" s="805"/>
      <c r="L613" s="805"/>
      <c r="M613" s="805"/>
      <c r="N613" s="805"/>
      <c r="O613" s="314"/>
    </row>
    <row r="614" spans="1:16">
      <c r="C614" s="736" t="s">
        <v>92</v>
      </c>
      <c r="D614" s="737"/>
      <c r="E614" s="737"/>
      <c r="F614" s="737"/>
      <c r="G614" s="731"/>
      <c r="H614" s="731"/>
      <c r="I614" s="805"/>
      <c r="J614" s="805"/>
      <c r="K614" s="805"/>
      <c r="L614" s="805"/>
      <c r="M614" s="805"/>
      <c r="N614" s="805"/>
      <c r="O614" s="314"/>
    </row>
    <row r="615" spans="1:16">
      <c r="C615" s="736"/>
      <c r="D615" s="737"/>
      <c r="E615" s="737"/>
      <c r="F615" s="737"/>
      <c r="G615" s="731"/>
      <c r="H615" s="731"/>
      <c r="I615" s="805"/>
      <c r="J615" s="805"/>
      <c r="K615" s="805"/>
      <c r="L615" s="805"/>
      <c r="M615" s="805"/>
      <c r="N615" s="805"/>
      <c r="O615" s="314"/>
    </row>
    <row r="616" spans="1:16">
      <c r="C616" s="1491" t="s">
        <v>6</v>
      </c>
      <c r="D616" s="1491"/>
      <c r="E616" s="1491"/>
      <c r="F616" s="1491"/>
      <c r="G616" s="1491"/>
      <c r="H616" s="1491"/>
      <c r="I616" s="1491"/>
      <c r="J616" s="1491"/>
      <c r="K616" s="1491"/>
      <c r="L616" s="1491"/>
      <c r="M616" s="1491"/>
      <c r="N616" s="1491"/>
      <c r="O616" s="1491"/>
    </row>
    <row r="617" spans="1:16">
      <c r="C617" s="1491"/>
      <c r="D617" s="1491"/>
      <c r="E617" s="1491"/>
      <c r="F617" s="1491"/>
      <c r="G617" s="1491"/>
      <c r="H617" s="1491"/>
      <c r="I617" s="1491"/>
      <c r="J617" s="1491"/>
      <c r="K617" s="1491"/>
      <c r="L617" s="1491"/>
      <c r="M617" s="1491"/>
      <c r="N617" s="1491"/>
      <c r="O617" s="1491"/>
    </row>
    <row r="618" spans="1:16" ht="20.25">
      <c r="A618" s="738" t="str">
        <f>""&amp;A542&amp;" Worksheet J -  ATRR PROJECTED Calculation for PJM Projects Charged to Benefiting Zones"</f>
        <v xml:space="preserve"> Worksheet J -  ATRR PROJECTED Calculation for PJM Projects Charged to Benefiting Zones</v>
      </c>
      <c r="B618" s="348"/>
      <c r="C618" s="726"/>
      <c r="D618" s="539"/>
      <c r="E618" s="314"/>
      <c r="F618" s="708"/>
      <c r="G618" s="314"/>
      <c r="H618" s="709"/>
      <c r="K618" s="565"/>
      <c r="L618" s="565"/>
      <c r="M618" s="565"/>
      <c r="N618" s="654" t="str">
        <f>"Page "&amp;SUM(P$8:P618)&amp;" of "</f>
        <v xml:space="preserve">Page 8 of </v>
      </c>
      <c r="O618" s="655">
        <f>COUNT(P$8:P$56656)</f>
        <v>11</v>
      </c>
      <c r="P618" s="173">
        <v>1</v>
      </c>
    </row>
    <row r="619" spans="1:16" ht="20.25">
      <c r="A619" s="738"/>
      <c r="B619" s="348"/>
      <c r="C619" s="726"/>
      <c r="D619" s="539"/>
      <c r="E619" s="314"/>
      <c r="F619" s="708"/>
      <c r="G619" s="314"/>
      <c r="H619" s="709"/>
      <c r="K619" s="565"/>
      <c r="L619" s="565"/>
      <c r="M619" s="565"/>
      <c r="N619" s="654"/>
      <c r="O619" s="655"/>
    </row>
    <row r="620" spans="1:16" ht="18">
      <c r="B620" s="658" t="s">
        <v>474</v>
      </c>
      <c r="C620" s="740" t="s">
        <v>93</v>
      </c>
      <c r="D620" s="539"/>
      <c r="E620" s="314"/>
      <c r="F620" s="314"/>
      <c r="G620" s="314"/>
      <c r="H620" s="709"/>
      <c r="I620" s="709"/>
      <c r="J620" s="731"/>
      <c r="K620" s="709"/>
      <c r="L620" s="709"/>
      <c r="M620" s="709"/>
      <c r="N620" s="709"/>
      <c r="O620" s="314"/>
    </row>
    <row r="621" spans="1:16" ht="18.75">
      <c r="B621" s="658"/>
      <c r="C621" s="657"/>
      <c r="D621" s="539"/>
      <c r="E621" s="314"/>
      <c r="F621" s="314"/>
      <c r="G621" s="314"/>
      <c r="H621" s="709"/>
      <c r="I621" s="709"/>
      <c r="J621" s="731"/>
      <c r="K621" s="709"/>
      <c r="L621" s="709"/>
      <c r="M621" s="709"/>
      <c r="N621" s="709"/>
      <c r="O621" s="314"/>
    </row>
    <row r="622" spans="1:16" ht="18.75">
      <c r="B622" s="658"/>
      <c r="C622" s="657" t="s">
        <v>94</v>
      </c>
      <c r="D622" s="539"/>
      <c r="E622" s="314"/>
      <c r="F622" s="314"/>
      <c r="G622" s="314"/>
      <c r="H622" s="709"/>
      <c r="I622" s="709"/>
      <c r="J622" s="731"/>
      <c r="K622" s="709"/>
      <c r="L622" s="709"/>
      <c r="M622" s="709"/>
      <c r="N622" s="709"/>
      <c r="O622" s="314"/>
    </row>
    <row r="623" spans="1:16" ht="15.75" thickBot="1">
      <c r="C623" s="240"/>
      <c r="D623" s="539"/>
      <c r="E623" s="314"/>
      <c r="F623" s="314"/>
      <c r="G623" s="314"/>
      <c r="H623" s="709"/>
      <c r="I623" s="709"/>
      <c r="J623" s="731"/>
      <c r="K623" s="709"/>
      <c r="L623" s="709"/>
      <c r="M623" s="709"/>
      <c r="N623" s="709"/>
      <c r="O623" s="314"/>
    </row>
    <row r="624" spans="1:16" ht="15.75">
      <c r="C624" s="660" t="s">
        <v>95</v>
      </c>
      <c r="D624" s="539"/>
      <c r="E624" s="314"/>
      <c r="F624" s="314"/>
      <c r="G624" s="807"/>
      <c r="H624" s="314" t="s">
        <v>74</v>
      </c>
      <c r="I624" s="314"/>
      <c r="J624" s="426"/>
      <c r="K624" s="741" t="s">
        <v>99</v>
      </c>
      <c r="L624" s="742"/>
      <c r="M624" s="743"/>
      <c r="N624" s="744">
        <f>IF(I630=0,0,VLOOKUP(I630,C637:O696,5))</f>
        <v>6107452.5872625131</v>
      </c>
      <c r="O624" s="314"/>
    </row>
    <row r="625" spans="2:15" ht="15.75">
      <c r="C625" s="660"/>
      <c r="D625" s="539"/>
      <c r="E625" s="314"/>
      <c r="F625" s="314"/>
      <c r="G625" s="314"/>
      <c r="H625" s="745"/>
      <c r="I625" s="745"/>
      <c r="J625" s="746"/>
      <c r="K625" s="747" t="s">
        <v>100</v>
      </c>
      <c r="L625" s="748"/>
      <c r="M625" s="426"/>
      <c r="N625" s="749">
        <f>IF(I630=0,0,VLOOKUP(I630,C637:O696,6))</f>
        <v>6107452.5872625131</v>
      </c>
      <c r="O625" s="314"/>
    </row>
    <row r="626" spans="2:15" ht="13.5" thickBot="1">
      <c r="C626" s="750" t="s">
        <v>96</v>
      </c>
      <c r="D626" s="1489" t="s">
        <v>828</v>
      </c>
      <c r="E626" s="1489"/>
      <c r="F626" s="1489"/>
      <c r="G626" s="1489"/>
      <c r="H626" s="1489"/>
      <c r="I626" s="1489"/>
      <c r="J626" s="731"/>
      <c r="K626" s="751" t="s">
        <v>238</v>
      </c>
      <c r="L626" s="752"/>
      <c r="M626" s="752"/>
      <c r="N626" s="753">
        <f>+N625-N624</f>
        <v>0</v>
      </c>
      <c r="O626" s="314"/>
    </row>
    <row r="627" spans="2:15">
      <c r="C627" s="754"/>
      <c r="D627" s="1489"/>
      <c r="E627" s="1489"/>
      <c r="F627" s="1489"/>
      <c r="G627" s="1489"/>
      <c r="H627" s="1489"/>
      <c r="I627" s="1489"/>
      <c r="J627" s="731"/>
      <c r="K627" s="709"/>
      <c r="L627" s="709"/>
      <c r="M627" s="709"/>
      <c r="N627" s="709"/>
      <c r="O627" s="314"/>
    </row>
    <row r="628" spans="2:15" ht="13.5" thickBot="1">
      <c r="C628" s="757"/>
      <c r="D628" s="758"/>
      <c r="E628" s="756"/>
      <c r="F628" s="756"/>
      <c r="G628" s="756"/>
      <c r="H628" s="756"/>
      <c r="I628" s="756"/>
      <c r="J628" s="759"/>
      <c r="K628" s="756"/>
      <c r="L628" s="756"/>
      <c r="M628" s="756"/>
      <c r="N628" s="756"/>
      <c r="O628" s="348"/>
    </row>
    <row r="629" spans="2:15" ht="13.5" thickBot="1">
      <c r="C629" s="760" t="s">
        <v>97</v>
      </c>
      <c r="D629" s="761"/>
      <c r="E629" s="761"/>
      <c r="F629" s="761"/>
      <c r="G629" s="761"/>
      <c r="H629" s="761"/>
      <c r="I629" s="762"/>
      <c r="J629" s="763"/>
      <c r="K629" s="314"/>
      <c r="L629" s="314"/>
      <c r="M629" s="314"/>
      <c r="N629" s="314"/>
      <c r="O629" s="764"/>
    </row>
    <row r="630" spans="2:15" ht="15">
      <c r="C630" s="765" t="s">
        <v>75</v>
      </c>
      <c r="D630" s="809">
        <v>50142658</v>
      </c>
      <c r="E630" s="726" t="s">
        <v>76</v>
      </c>
      <c r="G630" s="766"/>
      <c r="H630" s="766"/>
      <c r="I630" s="767">
        <f>$L$26</f>
        <v>2021</v>
      </c>
      <c r="J630" s="555"/>
      <c r="K630" s="1490" t="s">
        <v>247</v>
      </c>
      <c r="L630" s="1490"/>
      <c r="M630" s="1490"/>
      <c r="N630" s="1490"/>
      <c r="O630" s="1490"/>
    </row>
    <row r="631" spans="2:15">
      <c r="C631" s="765" t="s">
        <v>78</v>
      </c>
      <c r="D631" s="810">
        <v>2016</v>
      </c>
      <c r="E631" s="765" t="s">
        <v>79</v>
      </c>
      <c r="F631" s="766"/>
      <c r="H631" s="173"/>
      <c r="I631" s="811">
        <f>IF(G624="",0,$F$17)</f>
        <v>0</v>
      </c>
      <c r="J631" s="768"/>
      <c r="K631" s="731" t="s">
        <v>247</v>
      </c>
    </row>
    <row r="632" spans="2:15">
      <c r="C632" s="765" t="s">
        <v>80</v>
      </c>
      <c r="D632" s="809">
        <v>12</v>
      </c>
      <c r="E632" s="765" t="s">
        <v>81</v>
      </c>
      <c r="F632" s="766"/>
      <c r="H632" s="173"/>
      <c r="I632" s="769">
        <f>$G$70</f>
        <v>0.10870318164951323</v>
      </c>
      <c r="J632" s="770"/>
      <c r="K632" s="173" t="str">
        <f>"          INPUT PROJECTED ARR (WITH &amp; WITHOUT INCENTIVES) FROM EACH PRIOR YEAR"</f>
        <v xml:space="preserve">          INPUT PROJECTED ARR (WITH &amp; WITHOUT INCENTIVES) FROM EACH PRIOR YEAR</v>
      </c>
    </row>
    <row r="633" spans="2:15">
      <c r="C633" s="765" t="s">
        <v>82</v>
      </c>
      <c r="D633" s="771">
        <f>$G$79</f>
        <v>39</v>
      </c>
      <c r="E633" s="765" t="s">
        <v>83</v>
      </c>
      <c r="F633" s="766"/>
      <c r="H633" s="173"/>
      <c r="I633" s="769">
        <f>IF(G624="",I632,$G$69)</f>
        <v>0.10870318164951323</v>
      </c>
      <c r="J633" s="772"/>
      <c r="K633" s="173" t="s">
        <v>160</v>
      </c>
    </row>
    <row r="634" spans="2:15" ht="13.5" thickBot="1">
      <c r="C634" s="765" t="s">
        <v>84</v>
      </c>
      <c r="D634" s="808" t="s">
        <v>819</v>
      </c>
      <c r="E634" s="773" t="s">
        <v>85</v>
      </c>
      <c r="F634" s="774"/>
      <c r="G634" s="775"/>
      <c r="H634" s="775"/>
      <c r="I634" s="753">
        <f>IF(D630=0,0,D630/D633)</f>
        <v>1285709.1794871795</v>
      </c>
      <c r="J634" s="731"/>
      <c r="K634" s="731" t="s">
        <v>166</v>
      </c>
      <c r="L634" s="731"/>
      <c r="M634" s="731"/>
      <c r="N634" s="731"/>
      <c r="O634" s="426"/>
    </row>
    <row r="635" spans="2:15" ht="51">
      <c r="B635" s="846"/>
      <c r="C635" s="776" t="s">
        <v>75</v>
      </c>
      <c r="D635" s="777" t="s">
        <v>86</v>
      </c>
      <c r="E635" s="778" t="s">
        <v>87</v>
      </c>
      <c r="F635" s="777" t="s">
        <v>88</v>
      </c>
      <c r="G635" s="778" t="s">
        <v>159</v>
      </c>
      <c r="H635" s="779" t="s">
        <v>159</v>
      </c>
      <c r="I635" s="776" t="s">
        <v>98</v>
      </c>
      <c r="J635" s="780"/>
      <c r="K635" s="778" t="s">
        <v>168</v>
      </c>
      <c r="L635" s="781"/>
      <c r="M635" s="778" t="s">
        <v>168</v>
      </c>
      <c r="N635" s="781"/>
      <c r="O635" s="781"/>
    </row>
    <row r="636" spans="2:15" ht="13.5" thickBot="1">
      <c r="C636" s="782" t="s">
        <v>477</v>
      </c>
      <c r="D636" s="783" t="s">
        <v>478</v>
      </c>
      <c r="E636" s="782" t="s">
        <v>371</v>
      </c>
      <c r="F636" s="783" t="s">
        <v>478</v>
      </c>
      <c r="G636" s="784" t="s">
        <v>101</v>
      </c>
      <c r="H636" s="785" t="s">
        <v>103</v>
      </c>
      <c r="I636" s="786" t="s">
        <v>15</v>
      </c>
      <c r="J636" s="787"/>
      <c r="K636" s="784" t="s">
        <v>90</v>
      </c>
      <c r="L636" s="788"/>
      <c r="M636" s="784" t="s">
        <v>103</v>
      </c>
      <c r="N636" s="788"/>
      <c r="O636" s="788"/>
    </row>
    <row r="637" spans="2:15">
      <c r="C637" s="789">
        <f>IF(D631= "","-",D631)</f>
        <v>2016</v>
      </c>
      <c r="D637" s="737">
        <f>+D630</f>
        <v>50142658</v>
      </c>
      <c r="E637" s="790">
        <f>+I634/12*(12-D632)</f>
        <v>0</v>
      </c>
      <c r="F637" s="737">
        <f>+D637-E637</f>
        <v>50142658</v>
      </c>
      <c r="G637" s="999">
        <f>+$I$96*((D637+F637)/2)+E637</f>
        <v>5450666.4609634178</v>
      </c>
      <c r="H637" s="1000">
        <f>$I$97*((D637+F637)/2)+E637</f>
        <v>5450666.4609634178</v>
      </c>
      <c r="I637" s="793">
        <f>+H637-G637</f>
        <v>0</v>
      </c>
      <c r="J637" s="793"/>
      <c r="K637" s="812">
        <v>4514116</v>
      </c>
      <c r="L637" s="794"/>
      <c r="M637" s="812">
        <v>4514116</v>
      </c>
      <c r="N637" s="794"/>
      <c r="O637" s="794"/>
    </row>
    <row r="638" spans="2:15">
      <c r="C638" s="789">
        <f>IF(D631="","-",+C637+1)</f>
        <v>2017</v>
      </c>
      <c r="D638" s="737">
        <f t="shared" ref="D638:D696" si="36">F637</f>
        <v>50142658</v>
      </c>
      <c r="E638" s="790">
        <f>IF(D638&gt;$I$634,$I$634,D638)</f>
        <v>1285709.1794871795</v>
      </c>
      <c r="F638" s="737">
        <f t="shared" ref="F638:F696" si="37">+D638-E638</f>
        <v>48856948.820512824</v>
      </c>
      <c r="G638" s="795">
        <f t="shared" ref="G638:G696" si="38">+$I$96*((D638+F638)/2)+E638</f>
        <v>6666495.3012074772</v>
      </c>
      <c r="H638" s="796">
        <f t="shared" ref="H638:H696" si="39">$I$97*((D638+F638)/2)+E638</f>
        <v>6666495.3012074772</v>
      </c>
      <c r="I638" s="793">
        <f t="shared" ref="I638:I696" si="40">+H638-G638</f>
        <v>0</v>
      </c>
      <c r="J638" s="793"/>
      <c r="K638" s="813">
        <v>7261914</v>
      </c>
      <c r="L638" s="797"/>
      <c r="M638" s="813">
        <v>7261914</v>
      </c>
      <c r="N638" s="797"/>
      <c r="O638" s="797"/>
    </row>
    <row r="639" spans="2:15">
      <c r="C639" s="1338">
        <f>IF(D631="","-",+C638+1)</f>
        <v>2018</v>
      </c>
      <c r="D639" s="737">
        <f t="shared" si="36"/>
        <v>48856948.820512824</v>
      </c>
      <c r="E639" s="790">
        <f t="shared" ref="E639:E696" si="41">IF(D639&gt;$I$634,$I$634,D639)</f>
        <v>1285709.1794871795</v>
      </c>
      <c r="F639" s="737">
        <f t="shared" si="37"/>
        <v>47571239.641025648</v>
      </c>
      <c r="G639" s="795">
        <f t="shared" si="38"/>
        <v>6526734.6227212343</v>
      </c>
      <c r="H639" s="796">
        <f t="shared" si="39"/>
        <v>6526734.6227212343</v>
      </c>
      <c r="I639" s="793">
        <f t="shared" si="40"/>
        <v>0</v>
      </c>
      <c r="J639" s="793"/>
      <c r="K639" s="813">
        <v>5720037</v>
      </c>
      <c r="L639" s="797"/>
      <c r="M639" s="813">
        <v>5720037</v>
      </c>
      <c r="N639" s="797"/>
      <c r="O639" s="797"/>
    </row>
    <row r="640" spans="2:15">
      <c r="C640" s="1338">
        <f>IF(D631="","-",+C639+1)</f>
        <v>2019</v>
      </c>
      <c r="D640" s="737">
        <f t="shared" si="36"/>
        <v>47571239.641025648</v>
      </c>
      <c r="E640" s="790">
        <f t="shared" si="41"/>
        <v>1285709.1794871795</v>
      </c>
      <c r="F640" s="737">
        <f t="shared" si="37"/>
        <v>46285530.461538471</v>
      </c>
      <c r="G640" s="795">
        <f t="shared" si="38"/>
        <v>6386973.9442349952</v>
      </c>
      <c r="H640" s="796">
        <f t="shared" si="39"/>
        <v>6386973.9442349952</v>
      </c>
      <c r="I640" s="793">
        <f t="shared" si="40"/>
        <v>0</v>
      </c>
      <c r="J640" s="793"/>
      <c r="K640" s="813">
        <v>6058460.8343775142</v>
      </c>
      <c r="L640" s="797"/>
      <c r="M640" s="813">
        <v>6058460.8343775142</v>
      </c>
      <c r="N640" s="797"/>
      <c r="O640" s="797"/>
    </row>
    <row r="641" spans="3:15">
      <c r="C641" s="1338">
        <f>IF(D631="","-",+C640+1)</f>
        <v>2020</v>
      </c>
      <c r="D641" s="737">
        <f t="shared" si="36"/>
        <v>46285530.461538471</v>
      </c>
      <c r="E641" s="790">
        <f t="shared" si="41"/>
        <v>1285709.1794871795</v>
      </c>
      <c r="F641" s="737">
        <f t="shared" si="37"/>
        <v>44999821.282051295</v>
      </c>
      <c r="G641" s="795">
        <f t="shared" si="38"/>
        <v>6247213.2657487523</v>
      </c>
      <c r="H641" s="796">
        <f t="shared" si="39"/>
        <v>6247213.2657487523</v>
      </c>
      <c r="I641" s="793">
        <f t="shared" si="40"/>
        <v>0</v>
      </c>
      <c r="J641" s="793"/>
      <c r="K641" s="813">
        <v>6143739.6200183444</v>
      </c>
      <c r="L641" s="797"/>
      <c r="M641" s="1321">
        <v>6143739.6200183444</v>
      </c>
      <c r="N641" s="797"/>
      <c r="O641" s="797"/>
    </row>
    <row r="642" spans="3:15">
      <c r="C642" s="1315">
        <f>IF(D631="","-",+C641+1)</f>
        <v>2021</v>
      </c>
      <c r="D642" s="737">
        <f t="shared" si="36"/>
        <v>44999821.282051295</v>
      </c>
      <c r="E642" s="790">
        <f t="shared" si="41"/>
        <v>1285709.1794871795</v>
      </c>
      <c r="F642" s="737">
        <f t="shared" si="37"/>
        <v>43714112.102564119</v>
      </c>
      <c r="G642" s="795">
        <f t="shared" si="38"/>
        <v>6107452.5872625131</v>
      </c>
      <c r="H642" s="796">
        <f t="shared" si="39"/>
        <v>6107452.5872625131</v>
      </c>
      <c r="I642" s="793">
        <f t="shared" si="40"/>
        <v>0</v>
      </c>
      <c r="J642" s="793"/>
      <c r="K642" s="813"/>
      <c r="L642" s="797"/>
      <c r="M642" s="813"/>
      <c r="N642" s="797"/>
      <c r="O642" s="797"/>
    </row>
    <row r="643" spans="3:15">
      <c r="C643" s="789">
        <f>IF(D631="","-",+C642+1)</f>
        <v>2022</v>
      </c>
      <c r="D643" s="737">
        <f t="shared" si="36"/>
        <v>43714112.102564119</v>
      </c>
      <c r="E643" s="790">
        <f t="shared" si="41"/>
        <v>1285709.1794871795</v>
      </c>
      <c r="F643" s="737">
        <f t="shared" si="37"/>
        <v>42428402.923076943</v>
      </c>
      <c r="G643" s="795">
        <f t="shared" si="38"/>
        <v>5967691.9087762702</v>
      </c>
      <c r="H643" s="796">
        <f t="shared" si="39"/>
        <v>5967691.9087762702</v>
      </c>
      <c r="I643" s="793">
        <f t="shared" si="40"/>
        <v>0</v>
      </c>
      <c r="J643" s="793"/>
      <c r="K643" s="813"/>
      <c r="L643" s="797"/>
      <c r="M643" s="813"/>
      <c r="N643" s="797"/>
      <c r="O643" s="797"/>
    </row>
    <row r="644" spans="3:15">
      <c r="C644" s="789">
        <f>IF(D631="","-",+C643+1)</f>
        <v>2023</v>
      </c>
      <c r="D644" s="737">
        <f t="shared" si="36"/>
        <v>42428402.923076943</v>
      </c>
      <c r="E644" s="790">
        <f t="shared" si="41"/>
        <v>1285709.1794871795</v>
      </c>
      <c r="F644" s="737">
        <f t="shared" si="37"/>
        <v>41142693.743589766</v>
      </c>
      <c r="G644" s="795">
        <f t="shared" si="38"/>
        <v>5827931.2302900311</v>
      </c>
      <c r="H644" s="796">
        <f t="shared" si="39"/>
        <v>5827931.2302900311</v>
      </c>
      <c r="I644" s="793">
        <f t="shared" si="40"/>
        <v>0</v>
      </c>
      <c r="J644" s="793"/>
      <c r="K644" s="813"/>
      <c r="L644" s="797"/>
      <c r="M644" s="813"/>
      <c r="N644" s="797"/>
      <c r="O644" s="797"/>
    </row>
    <row r="645" spans="3:15">
      <c r="C645" s="789">
        <f>IF(D631="","-",+C644+1)</f>
        <v>2024</v>
      </c>
      <c r="D645" s="737">
        <f t="shared" si="36"/>
        <v>41142693.743589766</v>
      </c>
      <c r="E645" s="790">
        <f t="shared" si="41"/>
        <v>1285709.1794871795</v>
      </c>
      <c r="F645" s="737">
        <f t="shared" si="37"/>
        <v>39856984.56410259</v>
      </c>
      <c r="G645" s="795">
        <f t="shared" si="38"/>
        <v>5688170.5518037882</v>
      </c>
      <c r="H645" s="796">
        <f t="shared" si="39"/>
        <v>5688170.5518037882</v>
      </c>
      <c r="I645" s="793">
        <f t="shared" si="40"/>
        <v>0</v>
      </c>
      <c r="J645" s="793"/>
      <c r="K645" s="813"/>
      <c r="L645" s="797"/>
      <c r="M645" s="813"/>
      <c r="N645" s="797"/>
      <c r="O645" s="797"/>
    </row>
    <row r="646" spans="3:15">
      <c r="C646" s="789">
        <f>IF(D631="","-",+C645+1)</f>
        <v>2025</v>
      </c>
      <c r="D646" s="737">
        <f t="shared" si="36"/>
        <v>39856984.56410259</v>
      </c>
      <c r="E646" s="790">
        <f t="shared" si="41"/>
        <v>1285709.1794871795</v>
      </c>
      <c r="F646" s="737">
        <f t="shared" si="37"/>
        <v>38571275.384615414</v>
      </c>
      <c r="G646" s="795">
        <f t="shared" si="38"/>
        <v>5548409.873317549</v>
      </c>
      <c r="H646" s="796">
        <f t="shared" si="39"/>
        <v>5548409.873317549</v>
      </c>
      <c r="I646" s="793">
        <f t="shared" si="40"/>
        <v>0</v>
      </c>
      <c r="J646" s="793"/>
      <c r="K646" s="813"/>
      <c r="L646" s="797"/>
      <c r="M646" s="813"/>
      <c r="N646" s="797"/>
      <c r="O646" s="797"/>
    </row>
    <row r="647" spans="3:15">
      <c r="C647" s="789">
        <f>IF(D631="","-",+C646+1)</f>
        <v>2026</v>
      </c>
      <c r="D647" s="737">
        <f t="shared" si="36"/>
        <v>38571275.384615414</v>
      </c>
      <c r="E647" s="790">
        <f t="shared" si="41"/>
        <v>1285709.1794871795</v>
      </c>
      <c r="F647" s="737">
        <f t="shared" si="37"/>
        <v>37285566.205128238</v>
      </c>
      <c r="G647" s="795">
        <f t="shared" si="38"/>
        <v>5408649.1948313061</v>
      </c>
      <c r="H647" s="796">
        <f t="shared" si="39"/>
        <v>5408649.1948313061</v>
      </c>
      <c r="I647" s="793">
        <f t="shared" si="40"/>
        <v>0</v>
      </c>
      <c r="J647" s="793"/>
      <c r="K647" s="813"/>
      <c r="L647" s="797"/>
      <c r="M647" s="813"/>
      <c r="N647" s="797"/>
      <c r="O647" s="797"/>
    </row>
    <row r="648" spans="3:15">
      <c r="C648" s="789">
        <f>IF(D631="","-",+C647+1)</f>
        <v>2027</v>
      </c>
      <c r="D648" s="737">
        <f t="shared" si="36"/>
        <v>37285566.205128238</v>
      </c>
      <c r="E648" s="790">
        <f t="shared" si="41"/>
        <v>1285709.1794871795</v>
      </c>
      <c r="F648" s="737">
        <f t="shared" si="37"/>
        <v>35999857.025641061</v>
      </c>
      <c r="G648" s="795">
        <f t="shared" si="38"/>
        <v>5268888.516345066</v>
      </c>
      <c r="H648" s="796">
        <f t="shared" si="39"/>
        <v>5268888.516345066</v>
      </c>
      <c r="I648" s="793">
        <f t="shared" si="40"/>
        <v>0</v>
      </c>
      <c r="J648" s="793"/>
      <c r="K648" s="813"/>
      <c r="L648" s="797"/>
      <c r="M648" s="813"/>
      <c r="N648" s="797"/>
      <c r="O648" s="797"/>
    </row>
    <row r="649" spans="3:15">
      <c r="C649" s="789">
        <f>IF(D631="","-",+C648+1)</f>
        <v>2028</v>
      </c>
      <c r="D649" s="737">
        <f t="shared" si="36"/>
        <v>35999857.025641061</v>
      </c>
      <c r="E649" s="790">
        <f t="shared" si="41"/>
        <v>1285709.1794871795</v>
      </c>
      <c r="F649" s="737">
        <f t="shared" si="37"/>
        <v>34714147.846153885</v>
      </c>
      <c r="G649" s="795">
        <f t="shared" si="38"/>
        <v>5129127.8378588241</v>
      </c>
      <c r="H649" s="796">
        <f t="shared" si="39"/>
        <v>5129127.8378588241</v>
      </c>
      <c r="I649" s="793">
        <f t="shared" si="40"/>
        <v>0</v>
      </c>
      <c r="J649" s="793"/>
      <c r="K649" s="813"/>
      <c r="L649" s="797"/>
      <c r="M649" s="813"/>
      <c r="N649" s="798"/>
      <c r="O649" s="797"/>
    </row>
    <row r="650" spans="3:15">
      <c r="C650" s="789">
        <f>IF(D631="","-",+C649+1)</f>
        <v>2029</v>
      </c>
      <c r="D650" s="737">
        <f t="shared" si="36"/>
        <v>34714147.846153885</v>
      </c>
      <c r="E650" s="790">
        <f t="shared" si="41"/>
        <v>1285709.1794871795</v>
      </c>
      <c r="F650" s="737">
        <f t="shared" si="37"/>
        <v>33428438.666666705</v>
      </c>
      <c r="G650" s="795">
        <f t="shared" si="38"/>
        <v>4989367.159372583</v>
      </c>
      <c r="H650" s="796">
        <f t="shared" si="39"/>
        <v>4989367.159372583</v>
      </c>
      <c r="I650" s="793">
        <f t="shared" si="40"/>
        <v>0</v>
      </c>
      <c r="J650" s="793"/>
      <c r="K650" s="813"/>
      <c r="L650" s="797"/>
      <c r="M650" s="813"/>
      <c r="N650" s="797"/>
      <c r="O650" s="797"/>
    </row>
    <row r="651" spans="3:15">
      <c r="C651" s="789">
        <f>IF(D631="","-",+C650+1)</f>
        <v>2030</v>
      </c>
      <c r="D651" s="737">
        <f t="shared" si="36"/>
        <v>33428438.666666705</v>
      </c>
      <c r="E651" s="790">
        <f t="shared" si="41"/>
        <v>1285709.1794871795</v>
      </c>
      <c r="F651" s="737">
        <f t="shared" si="37"/>
        <v>32142729.487179525</v>
      </c>
      <c r="G651" s="795">
        <f t="shared" si="38"/>
        <v>4849606.480886342</v>
      </c>
      <c r="H651" s="796">
        <f t="shared" si="39"/>
        <v>4849606.480886342</v>
      </c>
      <c r="I651" s="793">
        <f t="shared" si="40"/>
        <v>0</v>
      </c>
      <c r="J651" s="793"/>
      <c r="K651" s="813"/>
      <c r="L651" s="797"/>
      <c r="M651" s="813"/>
      <c r="N651" s="797"/>
      <c r="O651" s="797"/>
    </row>
    <row r="652" spans="3:15">
      <c r="C652" s="789">
        <f>IF(D631="","-",+C651+1)</f>
        <v>2031</v>
      </c>
      <c r="D652" s="737">
        <f t="shared" si="36"/>
        <v>32142729.487179525</v>
      </c>
      <c r="E652" s="790">
        <f t="shared" si="41"/>
        <v>1285709.1794871795</v>
      </c>
      <c r="F652" s="737">
        <f t="shared" si="37"/>
        <v>30857020.307692345</v>
      </c>
      <c r="G652" s="795">
        <f t="shared" si="38"/>
        <v>4709845.8024000991</v>
      </c>
      <c r="H652" s="796">
        <f t="shared" si="39"/>
        <v>4709845.8024000991</v>
      </c>
      <c r="I652" s="793">
        <f t="shared" si="40"/>
        <v>0</v>
      </c>
      <c r="J652" s="793"/>
      <c r="K652" s="813"/>
      <c r="L652" s="797"/>
      <c r="M652" s="813"/>
      <c r="N652" s="797"/>
      <c r="O652" s="797"/>
    </row>
    <row r="653" spans="3:15">
      <c r="C653" s="789">
        <f>IF(D631="","-",+C652+1)</f>
        <v>2032</v>
      </c>
      <c r="D653" s="737">
        <f t="shared" si="36"/>
        <v>30857020.307692345</v>
      </c>
      <c r="E653" s="790">
        <f t="shared" si="41"/>
        <v>1285709.1794871795</v>
      </c>
      <c r="F653" s="737">
        <f t="shared" si="37"/>
        <v>29571311.128205165</v>
      </c>
      <c r="G653" s="795">
        <f t="shared" si="38"/>
        <v>4570085.1239138581</v>
      </c>
      <c r="H653" s="796">
        <f t="shared" si="39"/>
        <v>4570085.1239138581</v>
      </c>
      <c r="I653" s="793">
        <f t="shared" si="40"/>
        <v>0</v>
      </c>
      <c r="J653" s="793"/>
      <c r="K653" s="813"/>
      <c r="L653" s="797"/>
      <c r="M653" s="813"/>
      <c r="N653" s="797"/>
      <c r="O653" s="797"/>
    </row>
    <row r="654" spans="3:15">
      <c r="C654" s="789">
        <f>IF(D631="","-",+C653+1)</f>
        <v>2033</v>
      </c>
      <c r="D654" s="737">
        <f t="shared" si="36"/>
        <v>29571311.128205165</v>
      </c>
      <c r="E654" s="790">
        <f t="shared" si="41"/>
        <v>1285709.1794871795</v>
      </c>
      <c r="F654" s="737">
        <f t="shared" si="37"/>
        <v>28285601.948717985</v>
      </c>
      <c r="G654" s="795">
        <f t="shared" si="38"/>
        <v>4430324.4454276171</v>
      </c>
      <c r="H654" s="796">
        <f t="shared" si="39"/>
        <v>4430324.4454276171</v>
      </c>
      <c r="I654" s="793">
        <f t="shared" si="40"/>
        <v>0</v>
      </c>
      <c r="J654" s="793"/>
      <c r="K654" s="813"/>
      <c r="L654" s="797"/>
      <c r="M654" s="813"/>
      <c r="N654" s="797"/>
      <c r="O654" s="797"/>
    </row>
    <row r="655" spans="3:15">
      <c r="C655" s="789">
        <f>IF(D631="","-",+C654+1)</f>
        <v>2034</v>
      </c>
      <c r="D655" s="737">
        <f t="shared" si="36"/>
        <v>28285601.948717985</v>
      </c>
      <c r="E655" s="790">
        <f t="shared" si="41"/>
        <v>1285709.1794871795</v>
      </c>
      <c r="F655" s="737">
        <f t="shared" si="37"/>
        <v>26999892.769230805</v>
      </c>
      <c r="G655" s="795">
        <f t="shared" si="38"/>
        <v>4290563.766941376</v>
      </c>
      <c r="H655" s="796">
        <f t="shared" si="39"/>
        <v>4290563.766941376</v>
      </c>
      <c r="I655" s="793">
        <f t="shared" si="40"/>
        <v>0</v>
      </c>
      <c r="J655" s="793"/>
      <c r="K655" s="813"/>
      <c r="L655" s="797"/>
      <c r="M655" s="813"/>
      <c r="N655" s="797"/>
      <c r="O655" s="797"/>
    </row>
    <row r="656" spans="3:15">
      <c r="C656" s="789">
        <f>IF(D631="","-",+C655+1)</f>
        <v>2035</v>
      </c>
      <c r="D656" s="737">
        <f t="shared" si="36"/>
        <v>26999892.769230805</v>
      </c>
      <c r="E656" s="790">
        <f t="shared" si="41"/>
        <v>1285709.1794871795</v>
      </c>
      <c r="F656" s="737">
        <f t="shared" si="37"/>
        <v>25714183.589743625</v>
      </c>
      <c r="G656" s="795">
        <f t="shared" si="38"/>
        <v>4150803.0884551336</v>
      </c>
      <c r="H656" s="796">
        <f t="shared" si="39"/>
        <v>4150803.0884551336</v>
      </c>
      <c r="I656" s="793">
        <f t="shared" si="40"/>
        <v>0</v>
      </c>
      <c r="J656" s="793"/>
      <c r="K656" s="813"/>
      <c r="L656" s="797"/>
      <c r="M656" s="813"/>
      <c r="N656" s="797"/>
      <c r="O656" s="797"/>
    </row>
    <row r="657" spans="3:15">
      <c r="C657" s="789">
        <f>IF(D631="","-",+C656+1)</f>
        <v>2036</v>
      </c>
      <c r="D657" s="737">
        <f t="shared" si="36"/>
        <v>25714183.589743625</v>
      </c>
      <c r="E657" s="790">
        <f t="shared" si="41"/>
        <v>1285709.1794871795</v>
      </c>
      <c r="F657" s="737">
        <f t="shared" si="37"/>
        <v>24428474.410256445</v>
      </c>
      <c r="G657" s="795">
        <f t="shared" si="38"/>
        <v>4011042.4099688926</v>
      </c>
      <c r="H657" s="796">
        <f t="shared" si="39"/>
        <v>4011042.4099688926</v>
      </c>
      <c r="I657" s="793">
        <f t="shared" si="40"/>
        <v>0</v>
      </c>
      <c r="J657" s="793"/>
      <c r="K657" s="813"/>
      <c r="L657" s="797"/>
      <c r="M657" s="813"/>
      <c r="N657" s="797"/>
      <c r="O657" s="797"/>
    </row>
    <row r="658" spans="3:15">
      <c r="C658" s="789">
        <f>IF(D631="","-",+C657+1)</f>
        <v>2037</v>
      </c>
      <c r="D658" s="737">
        <f t="shared" si="36"/>
        <v>24428474.410256445</v>
      </c>
      <c r="E658" s="790">
        <f t="shared" si="41"/>
        <v>1285709.1794871795</v>
      </c>
      <c r="F658" s="737">
        <f t="shared" si="37"/>
        <v>23142765.230769265</v>
      </c>
      <c r="G658" s="795">
        <f t="shared" si="38"/>
        <v>3871281.7314826506</v>
      </c>
      <c r="H658" s="796">
        <f t="shared" si="39"/>
        <v>3871281.7314826506</v>
      </c>
      <c r="I658" s="793">
        <f t="shared" si="40"/>
        <v>0</v>
      </c>
      <c r="J658" s="793"/>
      <c r="K658" s="813"/>
      <c r="L658" s="797"/>
      <c r="M658" s="813"/>
      <c r="N658" s="797"/>
      <c r="O658" s="797"/>
    </row>
    <row r="659" spans="3:15">
      <c r="C659" s="789">
        <f>IF(D631="","-",+C658+1)</f>
        <v>2038</v>
      </c>
      <c r="D659" s="737">
        <f t="shared" si="36"/>
        <v>23142765.230769265</v>
      </c>
      <c r="E659" s="790">
        <f t="shared" si="41"/>
        <v>1285709.1794871795</v>
      </c>
      <c r="F659" s="737">
        <f t="shared" si="37"/>
        <v>21857056.051282085</v>
      </c>
      <c r="G659" s="795">
        <f t="shared" si="38"/>
        <v>3731521.0529964096</v>
      </c>
      <c r="H659" s="796">
        <f t="shared" si="39"/>
        <v>3731521.0529964096</v>
      </c>
      <c r="I659" s="793">
        <f t="shared" si="40"/>
        <v>0</v>
      </c>
      <c r="J659" s="793"/>
      <c r="K659" s="813"/>
      <c r="L659" s="797"/>
      <c r="M659" s="813"/>
      <c r="N659" s="797"/>
      <c r="O659" s="797"/>
    </row>
    <row r="660" spans="3:15">
      <c r="C660" s="789">
        <f>IF(D631="","-",+C659+1)</f>
        <v>2039</v>
      </c>
      <c r="D660" s="737">
        <f t="shared" si="36"/>
        <v>21857056.051282085</v>
      </c>
      <c r="E660" s="790">
        <f t="shared" si="41"/>
        <v>1285709.1794871795</v>
      </c>
      <c r="F660" s="737">
        <f t="shared" si="37"/>
        <v>20571346.871794906</v>
      </c>
      <c r="G660" s="795">
        <f t="shared" si="38"/>
        <v>3591760.3745101676</v>
      </c>
      <c r="H660" s="796">
        <f t="shared" si="39"/>
        <v>3591760.3745101676</v>
      </c>
      <c r="I660" s="793">
        <f t="shared" si="40"/>
        <v>0</v>
      </c>
      <c r="J660" s="793"/>
      <c r="K660" s="813"/>
      <c r="L660" s="797"/>
      <c r="M660" s="813"/>
      <c r="N660" s="797"/>
      <c r="O660" s="797"/>
    </row>
    <row r="661" spans="3:15">
      <c r="C661" s="789">
        <f>IF(D631="","-",+C660+1)</f>
        <v>2040</v>
      </c>
      <c r="D661" s="737">
        <f t="shared" si="36"/>
        <v>20571346.871794906</v>
      </c>
      <c r="E661" s="790">
        <f t="shared" si="41"/>
        <v>1285709.1794871795</v>
      </c>
      <c r="F661" s="737">
        <f t="shared" si="37"/>
        <v>19285637.692307726</v>
      </c>
      <c r="G661" s="795">
        <f t="shared" si="38"/>
        <v>3451999.6960239261</v>
      </c>
      <c r="H661" s="796">
        <f t="shared" si="39"/>
        <v>3451999.6960239261</v>
      </c>
      <c r="I661" s="793">
        <f t="shared" si="40"/>
        <v>0</v>
      </c>
      <c r="J661" s="793"/>
      <c r="K661" s="813"/>
      <c r="L661" s="797"/>
      <c r="M661" s="813"/>
      <c r="N661" s="797"/>
      <c r="O661" s="797"/>
    </row>
    <row r="662" spans="3:15">
      <c r="C662" s="789">
        <f>IF(D631="","-",+C661+1)</f>
        <v>2041</v>
      </c>
      <c r="D662" s="737">
        <f t="shared" si="36"/>
        <v>19285637.692307726</v>
      </c>
      <c r="E662" s="790">
        <f t="shared" si="41"/>
        <v>1285709.1794871795</v>
      </c>
      <c r="F662" s="737">
        <f t="shared" si="37"/>
        <v>17999928.512820546</v>
      </c>
      <c r="G662" s="795">
        <f t="shared" si="38"/>
        <v>3312239.0175376842</v>
      </c>
      <c r="H662" s="796">
        <f t="shared" si="39"/>
        <v>3312239.0175376842</v>
      </c>
      <c r="I662" s="793">
        <f t="shared" si="40"/>
        <v>0</v>
      </c>
      <c r="J662" s="793"/>
      <c r="K662" s="813"/>
      <c r="L662" s="797"/>
      <c r="M662" s="813"/>
      <c r="N662" s="797"/>
      <c r="O662" s="797"/>
    </row>
    <row r="663" spans="3:15">
      <c r="C663" s="789">
        <f>IF(D631="","-",+C662+1)</f>
        <v>2042</v>
      </c>
      <c r="D663" s="737">
        <f t="shared" si="36"/>
        <v>17999928.512820546</v>
      </c>
      <c r="E663" s="790">
        <f t="shared" si="41"/>
        <v>1285709.1794871795</v>
      </c>
      <c r="F663" s="737">
        <f t="shared" si="37"/>
        <v>16714219.333333366</v>
      </c>
      <c r="G663" s="795">
        <f t="shared" si="38"/>
        <v>3172478.3390514432</v>
      </c>
      <c r="H663" s="796">
        <f t="shared" si="39"/>
        <v>3172478.3390514432</v>
      </c>
      <c r="I663" s="793">
        <f t="shared" si="40"/>
        <v>0</v>
      </c>
      <c r="J663" s="793"/>
      <c r="K663" s="813"/>
      <c r="L663" s="797"/>
      <c r="M663" s="813"/>
      <c r="N663" s="797"/>
      <c r="O663" s="797"/>
    </row>
    <row r="664" spans="3:15">
      <c r="C664" s="789">
        <f>IF(D631="","-",+C663+1)</f>
        <v>2043</v>
      </c>
      <c r="D664" s="737">
        <f t="shared" si="36"/>
        <v>16714219.333333366</v>
      </c>
      <c r="E664" s="790">
        <f t="shared" si="41"/>
        <v>1285709.1794871795</v>
      </c>
      <c r="F664" s="737">
        <f t="shared" si="37"/>
        <v>15428510.153846186</v>
      </c>
      <c r="G664" s="795">
        <f t="shared" si="38"/>
        <v>3032717.6605652012</v>
      </c>
      <c r="H664" s="796">
        <f t="shared" si="39"/>
        <v>3032717.6605652012</v>
      </c>
      <c r="I664" s="793">
        <f t="shared" si="40"/>
        <v>0</v>
      </c>
      <c r="J664" s="793"/>
      <c r="K664" s="813"/>
      <c r="L664" s="797"/>
      <c r="M664" s="813"/>
      <c r="N664" s="797"/>
      <c r="O664" s="797"/>
    </row>
    <row r="665" spans="3:15">
      <c r="C665" s="789">
        <f>IF(D631="","-",+C664+1)</f>
        <v>2044</v>
      </c>
      <c r="D665" s="737">
        <f t="shared" si="36"/>
        <v>15428510.153846186</v>
      </c>
      <c r="E665" s="790">
        <f t="shared" si="41"/>
        <v>1285709.1794871795</v>
      </c>
      <c r="F665" s="737">
        <f t="shared" si="37"/>
        <v>14142800.974359006</v>
      </c>
      <c r="G665" s="791">
        <f t="shared" si="38"/>
        <v>2892956.9820789602</v>
      </c>
      <c r="H665" s="796">
        <f t="shared" si="39"/>
        <v>2892956.9820789602</v>
      </c>
      <c r="I665" s="793">
        <f t="shared" si="40"/>
        <v>0</v>
      </c>
      <c r="J665" s="793"/>
      <c r="K665" s="813"/>
      <c r="L665" s="797"/>
      <c r="M665" s="813"/>
      <c r="N665" s="797"/>
      <c r="O665" s="797"/>
    </row>
    <row r="666" spans="3:15">
      <c r="C666" s="789">
        <f>IF(D631="","-",+C665+1)</f>
        <v>2045</v>
      </c>
      <c r="D666" s="737">
        <f t="shared" si="36"/>
        <v>14142800.974359006</v>
      </c>
      <c r="E666" s="790">
        <f t="shared" si="41"/>
        <v>1285709.1794871795</v>
      </c>
      <c r="F666" s="737">
        <f t="shared" si="37"/>
        <v>12857091.794871826</v>
      </c>
      <c r="G666" s="795">
        <f t="shared" si="38"/>
        <v>2753196.3035927182</v>
      </c>
      <c r="H666" s="796">
        <f t="shared" si="39"/>
        <v>2753196.3035927182</v>
      </c>
      <c r="I666" s="793">
        <f t="shared" si="40"/>
        <v>0</v>
      </c>
      <c r="J666" s="793"/>
      <c r="K666" s="813"/>
      <c r="L666" s="797"/>
      <c r="M666" s="813"/>
      <c r="N666" s="797"/>
      <c r="O666" s="797"/>
    </row>
    <row r="667" spans="3:15">
      <c r="C667" s="789">
        <f>IF(D631="","-",+C666+1)</f>
        <v>2046</v>
      </c>
      <c r="D667" s="737">
        <f t="shared" si="36"/>
        <v>12857091.794871826</v>
      </c>
      <c r="E667" s="790">
        <f t="shared" si="41"/>
        <v>1285709.1794871795</v>
      </c>
      <c r="F667" s="737">
        <f t="shared" si="37"/>
        <v>11571382.615384646</v>
      </c>
      <c r="G667" s="795">
        <f t="shared" si="38"/>
        <v>2613435.6251064772</v>
      </c>
      <c r="H667" s="796">
        <f t="shared" si="39"/>
        <v>2613435.6251064772</v>
      </c>
      <c r="I667" s="793">
        <f t="shared" si="40"/>
        <v>0</v>
      </c>
      <c r="J667" s="793"/>
      <c r="K667" s="813"/>
      <c r="L667" s="797"/>
      <c r="M667" s="813"/>
      <c r="N667" s="797"/>
      <c r="O667" s="797"/>
    </row>
    <row r="668" spans="3:15">
      <c r="C668" s="789">
        <f>IF(D631="","-",+C667+1)</f>
        <v>2047</v>
      </c>
      <c r="D668" s="737">
        <f t="shared" si="36"/>
        <v>11571382.615384646</v>
      </c>
      <c r="E668" s="790">
        <f t="shared" si="41"/>
        <v>1285709.1794871795</v>
      </c>
      <c r="F668" s="737">
        <f t="shared" si="37"/>
        <v>10285673.435897466</v>
      </c>
      <c r="G668" s="795">
        <f t="shared" si="38"/>
        <v>2473674.9466202352</v>
      </c>
      <c r="H668" s="796">
        <f t="shared" si="39"/>
        <v>2473674.9466202352</v>
      </c>
      <c r="I668" s="793">
        <f t="shared" si="40"/>
        <v>0</v>
      </c>
      <c r="J668" s="793"/>
      <c r="K668" s="813"/>
      <c r="L668" s="797"/>
      <c r="M668" s="813"/>
      <c r="N668" s="797"/>
      <c r="O668" s="797"/>
    </row>
    <row r="669" spans="3:15">
      <c r="C669" s="789">
        <f>IF(D631="","-",+C668+1)</f>
        <v>2048</v>
      </c>
      <c r="D669" s="737">
        <f t="shared" si="36"/>
        <v>10285673.435897466</v>
      </c>
      <c r="E669" s="790">
        <f t="shared" si="41"/>
        <v>1285709.1794871795</v>
      </c>
      <c r="F669" s="737">
        <f t="shared" si="37"/>
        <v>8999964.2564102858</v>
      </c>
      <c r="G669" s="795">
        <f t="shared" si="38"/>
        <v>2333914.2681339937</v>
      </c>
      <c r="H669" s="796">
        <f t="shared" si="39"/>
        <v>2333914.2681339937</v>
      </c>
      <c r="I669" s="793">
        <f t="shared" si="40"/>
        <v>0</v>
      </c>
      <c r="J669" s="793"/>
      <c r="K669" s="813"/>
      <c r="L669" s="797"/>
      <c r="M669" s="813"/>
      <c r="N669" s="797"/>
      <c r="O669" s="797"/>
    </row>
    <row r="670" spans="3:15">
      <c r="C670" s="789">
        <f>IF(D631="","-",+C669+1)</f>
        <v>2049</v>
      </c>
      <c r="D670" s="737">
        <f t="shared" si="36"/>
        <v>8999964.2564102858</v>
      </c>
      <c r="E670" s="790">
        <f t="shared" si="41"/>
        <v>1285709.1794871795</v>
      </c>
      <c r="F670" s="737">
        <f t="shared" si="37"/>
        <v>7714255.0769231059</v>
      </c>
      <c r="G670" s="795">
        <f t="shared" si="38"/>
        <v>2194153.5896477522</v>
      </c>
      <c r="H670" s="796">
        <f t="shared" si="39"/>
        <v>2194153.5896477522</v>
      </c>
      <c r="I670" s="793">
        <f t="shared" si="40"/>
        <v>0</v>
      </c>
      <c r="J670" s="793"/>
      <c r="K670" s="813"/>
      <c r="L670" s="797"/>
      <c r="M670" s="813"/>
      <c r="N670" s="797"/>
      <c r="O670" s="797"/>
    </row>
    <row r="671" spans="3:15">
      <c r="C671" s="789">
        <f>IF(D631="","-",+C670+1)</f>
        <v>2050</v>
      </c>
      <c r="D671" s="737">
        <f t="shared" si="36"/>
        <v>7714255.0769231059</v>
      </c>
      <c r="E671" s="790">
        <f t="shared" si="41"/>
        <v>1285709.1794871795</v>
      </c>
      <c r="F671" s="737">
        <f t="shared" si="37"/>
        <v>6428545.8974359259</v>
      </c>
      <c r="G671" s="795">
        <f t="shared" si="38"/>
        <v>2054392.9111615107</v>
      </c>
      <c r="H671" s="796">
        <f t="shared" si="39"/>
        <v>2054392.9111615107</v>
      </c>
      <c r="I671" s="793">
        <f t="shared" si="40"/>
        <v>0</v>
      </c>
      <c r="J671" s="793"/>
      <c r="K671" s="813"/>
      <c r="L671" s="797"/>
      <c r="M671" s="813"/>
      <c r="N671" s="797"/>
      <c r="O671" s="797"/>
    </row>
    <row r="672" spans="3:15">
      <c r="C672" s="789">
        <f>IF(D631="","-",+C671+1)</f>
        <v>2051</v>
      </c>
      <c r="D672" s="737">
        <f t="shared" si="36"/>
        <v>6428545.8974359259</v>
      </c>
      <c r="E672" s="790">
        <f t="shared" si="41"/>
        <v>1285709.1794871795</v>
      </c>
      <c r="F672" s="737">
        <f t="shared" si="37"/>
        <v>5142836.7179487459</v>
      </c>
      <c r="G672" s="795">
        <f t="shared" si="38"/>
        <v>1914632.2326752692</v>
      </c>
      <c r="H672" s="796">
        <f t="shared" si="39"/>
        <v>1914632.2326752692</v>
      </c>
      <c r="I672" s="793">
        <f t="shared" si="40"/>
        <v>0</v>
      </c>
      <c r="J672" s="793"/>
      <c r="K672" s="813"/>
      <c r="L672" s="797"/>
      <c r="M672" s="813"/>
      <c r="N672" s="797"/>
      <c r="O672" s="797"/>
    </row>
    <row r="673" spans="3:15">
      <c r="C673" s="789">
        <f>IF(D631="","-",+C672+1)</f>
        <v>2052</v>
      </c>
      <c r="D673" s="737">
        <f t="shared" si="36"/>
        <v>5142836.7179487459</v>
      </c>
      <c r="E673" s="790">
        <f t="shared" si="41"/>
        <v>1285709.1794871795</v>
      </c>
      <c r="F673" s="737">
        <f t="shared" si="37"/>
        <v>3857127.5384615664</v>
      </c>
      <c r="G673" s="795">
        <f t="shared" si="38"/>
        <v>1774871.5541890278</v>
      </c>
      <c r="H673" s="796">
        <f t="shared" si="39"/>
        <v>1774871.5541890278</v>
      </c>
      <c r="I673" s="793">
        <f t="shared" si="40"/>
        <v>0</v>
      </c>
      <c r="J673" s="793"/>
      <c r="K673" s="813"/>
      <c r="L673" s="797"/>
      <c r="M673" s="813"/>
      <c r="N673" s="797"/>
      <c r="O673" s="797"/>
    </row>
    <row r="674" spans="3:15">
      <c r="C674" s="789">
        <f>IF(D631="","-",+C673+1)</f>
        <v>2053</v>
      </c>
      <c r="D674" s="737">
        <f t="shared" si="36"/>
        <v>3857127.5384615664</v>
      </c>
      <c r="E674" s="790">
        <f t="shared" si="41"/>
        <v>1285709.1794871795</v>
      </c>
      <c r="F674" s="737">
        <f t="shared" si="37"/>
        <v>2571418.3589743869</v>
      </c>
      <c r="G674" s="795">
        <f t="shared" si="38"/>
        <v>1635110.8757027863</v>
      </c>
      <c r="H674" s="796">
        <f t="shared" si="39"/>
        <v>1635110.8757027863</v>
      </c>
      <c r="I674" s="793">
        <f t="shared" si="40"/>
        <v>0</v>
      </c>
      <c r="J674" s="793"/>
      <c r="K674" s="813"/>
      <c r="L674" s="797"/>
      <c r="M674" s="813"/>
      <c r="N674" s="797"/>
      <c r="O674" s="797"/>
    </row>
    <row r="675" spans="3:15">
      <c r="C675" s="789">
        <f>IF(D631="","-",+C674+1)</f>
        <v>2054</v>
      </c>
      <c r="D675" s="737">
        <f t="shared" si="36"/>
        <v>2571418.3589743869</v>
      </c>
      <c r="E675" s="790">
        <f t="shared" si="41"/>
        <v>1285709.1794871795</v>
      </c>
      <c r="F675" s="737">
        <f t="shared" si="37"/>
        <v>1285709.1794872074</v>
      </c>
      <c r="G675" s="795">
        <f t="shared" si="38"/>
        <v>1495350.1972165448</v>
      </c>
      <c r="H675" s="796">
        <f t="shared" si="39"/>
        <v>1495350.1972165448</v>
      </c>
      <c r="I675" s="793">
        <f t="shared" si="40"/>
        <v>0</v>
      </c>
      <c r="J675" s="793"/>
      <c r="K675" s="813"/>
      <c r="L675" s="797"/>
      <c r="M675" s="813"/>
      <c r="N675" s="797"/>
      <c r="O675" s="797"/>
    </row>
    <row r="676" spans="3:15">
      <c r="C676" s="789">
        <f>IF(D631="","-",+C675+1)</f>
        <v>2055</v>
      </c>
      <c r="D676" s="737">
        <f t="shared" si="36"/>
        <v>1285709.1794872074</v>
      </c>
      <c r="E676" s="790">
        <f t="shared" si="41"/>
        <v>1285709.1794871795</v>
      </c>
      <c r="F676" s="737">
        <f t="shared" si="37"/>
        <v>2.7939677238464355E-8</v>
      </c>
      <c r="G676" s="795">
        <f t="shared" si="38"/>
        <v>1355589.5187303033</v>
      </c>
      <c r="H676" s="796">
        <f t="shared" si="39"/>
        <v>1355589.5187303033</v>
      </c>
      <c r="I676" s="793">
        <f t="shared" si="40"/>
        <v>0</v>
      </c>
      <c r="J676" s="793"/>
      <c r="K676" s="813"/>
      <c r="L676" s="797"/>
      <c r="M676" s="813"/>
      <c r="N676" s="797"/>
      <c r="O676" s="797"/>
    </row>
    <row r="677" spans="3:15">
      <c r="C677" s="789">
        <f>IF(D631="","-",+C676+1)</f>
        <v>2056</v>
      </c>
      <c r="D677" s="737">
        <f t="shared" si="36"/>
        <v>2.7939677238464355E-8</v>
      </c>
      <c r="E677" s="790">
        <f t="shared" si="41"/>
        <v>2.7939677238464355E-8</v>
      </c>
      <c r="F677" s="737">
        <f t="shared" si="37"/>
        <v>0</v>
      </c>
      <c r="G677" s="795">
        <f t="shared" si="38"/>
        <v>2.9458243143505135E-8</v>
      </c>
      <c r="H677" s="796">
        <f t="shared" si="39"/>
        <v>2.9458243143505135E-8</v>
      </c>
      <c r="I677" s="793">
        <f t="shared" si="40"/>
        <v>0</v>
      </c>
      <c r="J677" s="793"/>
      <c r="K677" s="813"/>
      <c r="L677" s="797"/>
      <c r="M677" s="813"/>
      <c r="N677" s="797"/>
      <c r="O677" s="797"/>
    </row>
    <row r="678" spans="3:15">
      <c r="C678" s="789">
        <f>IF(D631="","-",+C677+1)</f>
        <v>2057</v>
      </c>
      <c r="D678" s="737">
        <f t="shared" si="36"/>
        <v>0</v>
      </c>
      <c r="E678" s="790">
        <f t="shared" si="41"/>
        <v>0</v>
      </c>
      <c r="F678" s="737">
        <f t="shared" si="37"/>
        <v>0</v>
      </c>
      <c r="G678" s="795">
        <f t="shared" si="38"/>
        <v>0</v>
      </c>
      <c r="H678" s="796">
        <f t="shared" si="39"/>
        <v>0</v>
      </c>
      <c r="I678" s="793">
        <f t="shared" si="40"/>
        <v>0</v>
      </c>
      <c r="J678" s="793"/>
      <c r="K678" s="813"/>
      <c r="L678" s="797"/>
      <c r="M678" s="813"/>
      <c r="N678" s="797"/>
      <c r="O678" s="797"/>
    </row>
    <row r="679" spans="3:15">
      <c r="C679" s="789">
        <f>IF(D631="","-",+C678+1)</f>
        <v>2058</v>
      </c>
      <c r="D679" s="737">
        <f t="shared" si="36"/>
        <v>0</v>
      </c>
      <c r="E679" s="790">
        <f t="shared" si="41"/>
        <v>0</v>
      </c>
      <c r="F679" s="737">
        <f t="shared" si="37"/>
        <v>0</v>
      </c>
      <c r="G679" s="795">
        <f t="shared" si="38"/>
        <v>0</v>
      </c>
      <c r="H679" s="796">
        <f t="shared" si="39"/>
        <v>0</v>
      </c>
      <c r="I679" s="793">
        <f t="shared" si="40"/>
        <v>0</v>
      </c>
      <c r="J679" s="793"/>
      <c r="K679" s="813"/>
      <c r="L679" s="797"/>
      <c r="M679" s="813"/>
      <c r="N679" s="797"/>
      <c r="O679" s="797"/>
    </row>
    <row r="680" spans="3:15">
      <c r="C680" s="789">
        <f>IF(D631="","-",+C679+1)</f>
        <v>2059</v>
      </c>
      <c r="D680" s="737">
        <f t="shared" si="36"/>
        <v>0</v>
      </c>
      <c r="E680" s="790">
        <f t="shared" si="41"/>
        <v>0</v>
      </c>
      <c r="F680" s="737">
        <f t="shared" si="37"/>
        <v>0</v>
      </c>
      <c r="G680" s="795">
        <f t="shared" si="38"/>
        <v>0</v>
      </c>
      <c r="H680" s="796">
        <f t="shared" si="39"/>
        <v>0</v>
      </c>
      <c r="I680" s="793">
        <f t="shared" si="40"/>
        <v>0</v>
      </c>
      <c r="J680" s="793"/>
      <c r="K680" s="813"/>
      <c r="L680" s="797"/>
      <c r="M680" s="813"/>
      <c r="N680" s="797"/>
      <c r="O680" s="797"/>
    </row>
    <row r="681" spans="3:15">
      <c r="C681" s="789">
        <f>IF(D631="","-",+C680+1)</f>
        <v>2060</v>
      </c>
      <c r="D681" s="737">
        <f t="shared" si="36"/>
        <v>0</v>
      </c>
      <c r="E681" s="790">
        <f t="shared" si="41"/>
        <v>0</v>
      </c>
      <c r="F681" s="737">
        <f t="shared" si="37"/>
        <v>0</v>
      </c>
      <c r="G681" s="795">
        <f t="shared" si="38"/>
        <v>0</v>
      </c>
      <c r="H681" s="796">
        <f t="shared" si="39"/>
        <v>0</v>
      </c>
      <c r="I681" s="793">
        <f t="shared" si="40"/>
        <v>0</v>
      </c>
      <c r="J681" s="793"/>
      <c r="K681" s="813"/>
      <c r="L681" s="797"/>
      <c r="M681" s="813"/>
      <c r="N681" s="797"/>
      <c r="O681" s="797"/>
    </row>
    <row r="682" spans="3:15">
      <c r="C682" s="789">
        <f>IF(D631="","-",+C681+1)</f>
        <v>2061</v>
      </c>
      <c r="D682" s="737">
        <f t="shared" si="36"/>
        <v>0</v>
      </c>
      <c r="E682" s="790">
        <f t="shared" si="41"/>
        <v>0</v>
      </c>
      <c r="F682" s="737">
        <f t="shared" si="37"/>
        <v>0</v>
      </c>
      <c r="G682" s="795">
        <f t="shared" si="38"/>
        <v>0</v>
      </c>
      <c r="H682" s="796">
        <f t="shared" si="39"/>
        <v>0</v>
      </c>
      <c r="I682" s="793">
        <f t="shared" si="40"/>
        <v>0</v>
      </c>
      <c r="J682" s="793"/>
      <c r="K682" s="813"/>
      <c r="L682" s="797"/>
      <c r="M682" s="813"/>
      <c r="N682" s="797"/>
      <c r="O682" s="797"/>
    </row>
    <row r="683" spans="3:15">
      <c r="C683" s="789">
        <f>IF(D631="","-",+C682+1)</f>
        <v>2062</v>
      </c>
      <c r="D683" s="737">
        <f t="shared" si="36"/>
        <v>0</v>
      </c>
      <c r="E683" s="790">
        <f t="shared" si="41"/>
        <v>0</v>
      </c>
      <c r="F683" s="737">
        <f t="shared" si="37"/>
        <v>0</v>
      </c>
      <c r="G683" s="795">
        <f t="shared" si="38"/>
        <v>0</v>
      </c>
      <c r="H683" s="796">
        <f t="shared" si="39"/>
        <v>0</v>
      </c>
      <c r="I683" s="793">
        <f t="shared" si="40"/>
        <v>0</v>
      </c>
      <c r="J683" s="793"/>
      <c r="K683" s="813"/>
      <c r="L683" s="797"/>
      <c r="M683" s="813"/>
      <c r="N683" s="797"/>
      <c r="O683" s="797"/>
    </row>
    <row r="684" spans="3:15">
      <c r="C684" s="789">
        <f>IF(D631="","-",+C683+1)</f>
        <v>2063</v>
      </c>
      <c r="D684" s="737">
        <f t="shared" si="36"/>
        <v>0</v>
      </c>
      <c r="E684" s="790">
        <f t="shared" si="41"/>
        <v>0</v>
      </c>
      <c r="F684" s="737">
        <f t="shared" si="37"/>
        <v>0</v>
      </c>
      <c r="G684" s="795">
        <f t="shared" si="38"/>
        <v>0</v>
      </c>
      <c r="H684" s="796">
        <f t="shared" si="39"/>
        <v>0</v>
      </c>
      <c r="I684" s="793">
        <f t="shared" si="40"/>
        <v>0</v>
      </c>
      <c r="J684" s="793"/>
      <c r="K684" s="813"/>
      <c r="L684" s="797"/>
      <c r="M684" s="813"/>
      <c r="N684" s="797"/>
      <c r="O684" s="797"/>
    </row>
    <row r="685" spans="3:15">
      <c r="C685" s="789">
        <f>IF(D631="","-",+C684+1)</f>
        <v>2064</v>
      </c>
      <c r="D685" s="737">
        <f t="shared" si="36"/>
        <v>0</v>
      </c>
      <c r="E685" s="790">
        <f t="shared" si="41"/>
        <v>0</v>
      </c>
      <c r="F685" s="737">
        <f t="shared" si="37"/>
        <v>0</v>
      </c>
      <c r="G685" s="795">
        <f t="shared" si="38"/>
        <v>0</v>
      </c>
      <c r="H685" s="796">
        <f t="shared" si="39"/>
        <v>0</v>
      </c>
      <c r="I685" s="793">
        <f t="shared" si="40"/>
        <v>0</v>
      </c>
      <c r="J685" s="793"/>
      <c r="K685" s="813"/>
      <c r="L685" s="797"/>
      <c r="M685" s="813"/>
      <c r="N685" s="797"/>
      <c r="O685" s="797"/>
    </row>
    <row r="686" spans="3:15">
      <c r="C686" s="789">
        <f>IF(D631="","-",+C685+1)</f>
        <v>2065</v>
      </c>
      <c r="D686" s="737">
        <f t="shared" si="36"/>
        <v>0</v>
      </c>
      <c r="E686" s="790">
        <f t="shared" si="41"/>
        <v>0</v>
      </c>
      <c r="F686" s="737">
        <f t="shared" si="37"/>
        <v>0</v>
      </c>
      <c r="G686" s="795">
        <f t="shared" si="38"/>
        <v>0</v>
      </c>
      <c r="H686" s="796">
        <f t="shared" si="39"/>
        <v>0</v>
      </c>
      <c r="I686" s="793">
        <f t="shared" si="40"/>
        <v>0</v>
      </c>
      <c r="J686" s="793"/>
      <c r="K686" s="813"/>
      <c r="L686" s="797"/>
      <c r="M686" s="813"/>
      <c r="N686" s="797"/>
      <c r="O686" s="797"/>
    </row>
    <row r="687" spans="3:15">
      <c r="C687" s="789">
        <f>IF(D631="","-",+C686+1)</f>
        <v>2066</v>
      </c>
      <c r="D687" s="737">
        <f t="shared" si="36"/>
        <v>0</v>
      </c>
      <c r="E687" s="790">
        <f t="shared" si="41"/>
        <v>0</v>
      </c>
      <c r="F687" s="737">
        <f t="shared" si="37"/>
        <v>0</v>
      </c>
      <c r="G687" s="795">
        <f t="shared" si="38"/>
        <v>0</v>
      </c>
      <c r="H687" s="796">
        <f t="shared" si="39"/>
        <v>0</v>
      </c>
      <c r="I687" s="793">
        <f t="shared" si="40"/>
        <v>0</v>
      </c>
      <c r="J687" s="793"/>
      <c r="K687" s="813"/>
      <c r="L687" s="797"/>
      <c r="M687" s="813"/>
      <c r="N687" s="797"/>
      <c r="O687" s="797"/>
    </row>
    <row r="688" spans="3:15">
      <c r="C688" s="789">
        <f>IF(D631="","-",+C687+1)</f>
        <v>2067</v>
      </c>
      <c r="D688" s="737">
        <f t="shared" si="36"/>
        <v>0</v>
      </c>
      <c r="E688" s="790">
        <f t="shared" si="41"/>
        <v>0</v>
      </c>
      <c r="F688" s="737">
        <f t="shared" si="37"/>
        <v>0</v>
      </c>
      <c r="G688" s="795">
        <f t="shared" si="38"/>
        <v>0</v>
      </c>
      <c r="H688" s="796">
        <f t="shared" si="39"/>
        <v>0</v>
      </c>
      <c r="I688" s="793">
        <f t="shared" si="40"/>
        <v>0</v>
      </c>
      <c r="J688" s="793"/>
      <c r="K688" s="813"/>
      <c r="L688" s="797"/>
      <c r="M688" s="813"/>
      <c r="N688" s="797"/>
      <c r="O688" s="797"/>
    </row>
    <row r="689" spans="3:15">
      <c r="C689" s="789">
        <f>IF(D631="","-",+C688+1)</f>
        <v>2068</v>
      </c>
      <c r="D689" s="737">
        <f t="shared" si="36"/>
        <v>0</v>
      </c>
      <c r="E689" s="790">
        <f t="shared" si="41"/>
        <v>0</v>
      </c>
      <c r="F689" s="737">
        <f t="shared" si="37"/>
        <v>0</v>
      </c>
      <c r="G689" s="795">
        <f t="shared" si="38"/>
        <v>0</v>
      </c>
      <c r="H689" s="796">
        <f t="shared" si="39"/>
        <v>0</v>
      </c>
      <c r="I689" s="793">
        <f t="shared" si="40"/>
        <v>0</v>
      </c>
      <c r="J689" s="793"/>
      <c r="K689" s="813"/>
      <c r="L689" s="797"/>
      <c r="M689" s="813"/>
      <c r="N689" s="797"/>
      <c r="O689" s="797"/>
    </row>
    <row r="690" spans="3:15">
      <c r="C690" s="789">
        <f>IF(D631="","-",+C689+1)</f>
        <v>2069</v>
      </c>
      <c r="D690" s="737">
        <f t="shared" si="36"/>
        <v>0</v>
      </c>
      <c r="E690" s="790">
        <f t="shared" si="41"/>
        <v>0</v>
      </c>
      <c r="F690" s="737">
        <f t="shared" si="37"/>
        <v>0</v>
      </c>
      <c r="G690" s="795">
        <f t="shared" si="38"/>
        <v>0</v>
      </c>
      <c r="H690" s="796">
        <f t="shared" si="39"/>
        <v>0</v>
      </c>
      <c r="I690" s="793">
        <f t="shared" si="40"/>
        <v>0</v>
      </c>
      <c r="J690" s="793"/>
      <c r="K690" s="813"/>
      <c r="L690" s="797"/>
      <c r="M690" s="813"/>
      <c r="N690" s="797"/>
      <c r="O690" s="797"/>
    </row>
    <row r="691" spans="3:15">
      <c r="C691" s="789">
        <f>IF(D631="","-",+C690+1)</f>
        <v>2070</v>
      </c>
      <c r="D691" s="737">
        <f t="shared" si="36"/>
        <v>0</v>
      </c>
      <c r="E691" s="790">
        <f t="shared" si="41"/>
        <v>0</v>
      </c>
      <c r="F691" s="737">
        <f t="shared" si="37"/>
        <v>0</v>
      </c>
      <c r="G691" s="795">
        <f t="shared" si="38"/>
        <v>0</v>
      </c>
      <c r="H691" s="796">
        <f t="shared" si="39"/>
        <v>0</v>
      </c>
      <c r="I691" s="793">
        <f t="shared" si="40"/>
        <v>0</v>
      </c>
      <c r="J691" s="793"/>
      <c r="K691" s="813"/>
      <c r="L691" s="797"/>
      <c r="M691" s="813"/>
      <c r="N691" s="797"/>
      <c r="O691" s="797"/>
    </row>
    <row r="692" spans="3:15">
      <c r="C692" s="789">
        <f>IF(D631="","-",+C691+1)</f>
        <v>2071</v>
      </c>
      <c r="D692" s="737">
        <f t="shared" si="36"/>
        <v>0</v>
      </c>
      <c r="E692" s="790">
        <f t="shared" si="41"/>
        <v>0</v>
      </c>
      <c r="F692" s="737">
        <f t="shared" si="37"/>
        <v>0</v>
      </c>
      <c r="G692" s="795">
        <f t="shared" si="38"/>
        <v>0</v>
      </c>
      <c r="H692" s="796">
        <f t="shared" si="39"/>
        <v>0</v>
      </c>
      <c r="I692" s="793">
        <f t="shared" si="40"/>
        <v>0</v>
      </c>
      <c r="J692" s="793"/>
      <c r="K692" s="813"/>
      <c r="L692" s="797"/>
      <c r="M692" s="813"/>
      <c r="N692" s="797"/>
      <c r="O692" s="797"/>
    </row>
    <row r="693" spans="3:15">
      <c r="C693" s="789">
        <f>IF(D631="","-",+C692+1)</f>
        <v>2072</v>
      </c>
      <c r="D693" s="737">
        <f t="shared" si="36"/>
        <v>0</v>
      </c>
      <c r="E693" s="790">
        <f t="shared" si="41"/>
        <v>0</v>
      </c>
      <c r="F693" s="737">
        <f t="shared" si="37"/>
        <v>0</v>
      </c>
      <c r="G693" s="795">
        <f t="shared" si="38"/>
        <v>0</v>
      </c>
      <c r="H693" s="796">
        <f t="shared" si="39"/>
        <v>0</v>
      </c>
      <c r="I693" s="793">
        <f t="shared" si="40"/>
        <v>0</v>
      </c>
      <c r="J693" s="793"/>
      <c r="K693" s="813"/>
      <c r="L693" s="797"/>
      <c r="M693" s="813"/>
      <c r="N693" s="797"/>
      <c r="O693" s="797"/>
    </row>
    <row r="694" spans="3:15">
      <c r="C694" s="789">
        <f>IF(D631="","-",+C693+1)</f>
        <v>2073</v>
      </c>
      <c r="D694" s="737">
        <f t="shared" si="36"/>
        <v>0</v>
      </c>
      <c r="E694" s="790">
        <f t="shared" si="41"/>
        <v>0</v>
      </c>
      <c r="F694" s="737">
        <f t="shared" si="37"/>
        <v>0</v>
      </c>
      <c r="G694" s="795">
        <f t="shared" si="38"/>
        <v>0</v>
      </c>
      <c r="H694" s="796">
        <f t="shared" si="39"/>
        <v>0</v>
      </c>
      <c r="I694" s="793">
        <f t="shared" si="40"/>
        <v>0</v>
      </c>
      <c r="J694" s="793"/>
      <c r="K694" s="813"/>
      <c r="L694" s="797"/>
      <c r="M694" s="813"/>
      <c r="N694" s="797"/>
      <c r="O694" s="797"/>
    </row>
    <row r="695" spans="3:15">
      <c r="C695" s="789">
        <f>IF(D631="","-",+C694+1)</f>
        <v>2074</v>
      </c>
      <c r="D695" s="737">
        <f t="shared" si="36"/>
        <v>0</v>
      </c>
      <c r="E695" s="790">
        <f t="shared" si="41"/>
        <v>0</v>
      </c>
      <c r="F695" s="737">
        <f t="shared" si="37"/>
        <v>0</v>
      </c>
      <c r="G695" s="795">
        <f t="shared" si="38"/>
        <v>0</v>
      </c>
      <c r="H695" s="796">
        <f t="shared" si="39"/>
        <v>0</v>
      </c>
      <c r="I695" s="793">
        <f t="shared" si="40"/>
        <v>0</v>
      </c>
      <c r="J695" s="793"/>
      <c r="K695" s="813"/>
      <c r="L695" s="797"/>
      <c r="M695" s="813"/>
      <c r="N695" s="797"/>
      <c r="O695" s="797"/>
    </row>
    <row r="696" spans="3:15" ht="13.5" thickBot="1">
      <c r="C696" s="799">
        <f>IF(D631="","-",+C695+1)</f>
        <v>2075</v>
      </c>
      <c r="D696" s="800">
        <f t="shared" si="36"/>
        <v>0</v>
      </c>
      <c r="E696" s="801">
        <f t="shared" si="41"/>
        <v>0</v>
      </c>
      <c r="F696" s="800">
        <f t="shared" si="37"/>
        <v>0</v>
      </c>
      <c r="G696" s="802">
        <f t="shared" si="38"/>
        <v>0</v>
      </c>
      <c r="H696" s="802">
        <f t="shared" si="39"/>
        <v>0</v>
      </c>
      <c r="I696" s="803">
        <f t="shared" si="40"/>
        <v>0</v>
      </c>
      <c r="J696" s="793"/>
      <c r="K696" s="814"/>
      <c r="L696" s="804"/>
      <c r="M696" s="814"/>
      <c r="N696" s="804"/>
      <c r="O696" s="804"/>
    </row>
    <row r="697" spans="3:15">
      <c r="C697" s="737" t="s">
        <v>91</v>
      </c>
      <c r="D697" s="731"/>
      <c r="E697" s="731">
        <f>SUM(E637:E696)</f>
        <v>50142658</v>
      </c>
      <c r="F697" s="731"/>
      <c r="G697" s="731">
        <f>SUM(G637:G696)</f>
        <v>161881320.44975021</v>
      </c>
      <c r="H697" s="731">
        <f>SUM(H637:H696)</f>
        <v>161881320.44975021</v>
      </c>
      <c r="I697" s="731">
        <f>SUM(I637:I696)</f>
        <v>0</v>
      </c>
      <c r="J697" s="731"/>
      <c r="K697" s="731"/>
      <c r="L697" s="731"/>
      <c r="M697" s="731"/>
      <c r="N697" s="731"/>
      <c r="O697" s="314"/>
    </row>
    <row r="698" spans="3:15">
      <c r="D698" s="539"/>
      <c r="E698" s="314"/>
      <c r="F698" s="314"/>
      <c r="G698" s="314"/>
      <c r="H698" s="709"/>
      <c r="I698" s="709"/>
      <c r="J698" s="731"/>
      <c r="K698" s="709"/>
      <c r="L698" s="709"/>
      <c r="M698" s="709"/>
      <c r="N698" s="709"/>
      <c r="O698" s="314"/>
    </row>
    <row r="699" spans="3:15">
      <c r="C699" s="314" t="s">
        <v>13</v>
      </c>
      <c r="D699" s="539"/>
      <c r="E699" s="314"/>
      <c r="F699" s="314"/>
      <c r="G699" s="314"/>
      <c r="H699" s="709"/>
      <c r="I699" s="709"/>
      <c r="J699" s="731"/>
      <c r="K699" s="709"/>
      <c r="L699" s="709"/>
      <c r="M699" s="709"/>
      <c r="N699" s="709"/>
      <c r="O699" s="314"/>
    </row>
    <row r="700" spans="3:15">
      <c r="C700" s="314"/>
      <c r="D700" s="539"/>
      <c r="E700" s="314"/>
      <c r="F700" s="314"/>
      <c r="G700" s="314"/>
      <c r="H700" s="709"/>
      <c r="I700" s="709"/>
      <c r="J700" s="731"/>
      <c r="K700" s="709"/>
      <c r="L700" s="709"/>
      <c r="M700" s="709"/>
      <c r="N700" s="709"/>
      <c r="O700" s="314"/>
    </row>
    <row r="701" spans="3:15">
      <c r="C701" s="750" t="s">
        <v>14</v>
      </c>
      <c r="D701" s="737"/>
      <c r="E701" s="737"/>
      <c r="F701" s="737"/>
      <c r="G701" s="731"/>
      <c r="H701" s="731"/>
      <c r="I701" s="805"/>
      <c r="J701" s="805"/>
      <c r="K701" s="805"/>
      <c r="L701" s="805"/>
      <c r="M701" s="805"/>
      <c r="N701" s="805"/>
      <c r="O701" s="314"/>
    </row>
    <row r="702" spans="3:15">
      <c r="C702" s="736" t="s">
        <v>271</v>
      </c>
      <c r="D702" s="737"/>
      <c r="E702" s="737"/>
      <c r="F702" s="737"/>
      <c r="G702" s="731"/>
      <c r="H702" s="731"/>
      <c r="I702" s="805"/>
      <c r="J702" s="805"/>
      <c r="K702" s="805"/>
      <c r="L702" s="805"/>
      <c r="M702" s="805"/>
      <c r="N702" s="805"/>
      <c r="O702" s="314"/>
    </row>
    <row r="703" spans="3:15">
      <c r="C703" s="736" t="s">
        <v>92</v>
      </c>
      <c r="D703" s="737"/>
      <c r="E703" s="737"/>
      <c r="F703" s="737"/>
      <c r="G703" s="731"/>
      <c r="H703" s="731"/>
      <c r="I703" s="805"/>
      <c r="J703" s="805"/>
      <c r="K703" s="805"/>
      <c r="L703" s="805"/>
      <c r="M703" s="805"/>
      <c r="N703" s="805"/>
      <c r="O703" s="314"/>
    </row>
    <row r="704" spans="3:15">
      <c r="C704" s="736"/>
      <c r="D704" s="737"/>
      <c r="E704" s="737"/>
      <c r="F704" s="737"/>
      <c r="G704" s="731"/>
      <c r="H704" s="731"/>
      <c r="I704" s="805"/>
      <c r="J704" s="805"/>
      <c r="K704" s="805"/>
      <c r="L704" s="805"/>
      <c r="M704" s="805"/>
      <c r="N704" s="805"/>
      <c r="O704" s="314"/>
    </row>
    <row r="705" spans="1:16">
      <c r="C705" s="1491" t="s">
        <v>6</v>
      </c>
      <c r="D705" s="1491"/>
      <c r="E705" s="1491"/>
      <c r="F705" s="1491"/>
      <c r="G705" s="1491"/>
      <c r="H705" s="1491"/>
      <c r="I705" s="1491"/>
      <c r="J705" s="1491"/>
      <c r="K705" s="1491"/>
      <c r="L705" s="1491"/>
      <c r="M705" s="1491"/>
      <c r="N705" s="1491"/>
      <c r="O705" s="1491"/>
    </row>
    <row r="706" spans="1:16">
      <c r="C706" s="1491"/>
      <c r="D706" s="1491"/>
      <c r="E706" s="1491"/>
      <c r="F706" s="1491"/>
      <c r="G706" s="1491"/>
      <c r="H706" s="1491"/>
      <c r="I706" s="1491"/>
      <c r="J706" s="1491"/>
      <c r="K706" s="1491"/>
      <c r="L706" s="1491"/>
      <c r="M706" s="1491"/>
      <c r="N706" s="1491"/>
      <c r="O706" s="1491"/>
    </row>
    <row r="707" spans="1:16" ht="20.25">
      <c r="A707" s="738" t="str">
        <f>""&amp;A631&amp;" Worksheet J -  ATRR PROJECTED Calculation for PJM Projects Charged to Benefiting Zones"</f>
        <v xml:space="preserve"> Worksheet J -  ATRR PROJECTED Calculation for PJM Projects Charged to Benefiting Zones</v>
      </c>
      <c r="B707" s="348"/>
      <c r="C707" s="726"/>
      <c r="D707" s="539"/>
      <c r="E707" s="314"/>
      <c r="F707" s="708"/>
      <c r="G707" s="314"/>
      <c r="H707" s="709"/>
      <c r="K707" s="565"/>
      <c r="L707" s="565"/>
      <c r="M707" s="565"/>
      <c r="N707" s="654" t="str">
        <f>"Page "&amp;SUM(P$8:P707)&amp;" of "</f>
        <v xml:space="preserve">Page 9 of </v>
      </c>
      <c r="O707" s="655">
        <f>COUNT(P$8:P$56656)</f>
        <v>11</v>
      </c>
      <c r="P707" s="173">
        <v>1</v>
      </c>
    </row>
    <row r="708" spans="1:16" ht="20.25">
      <c r="A708" s="738"/>
      <c r="B708" s="348"/>
      <c r="C708" s="726"/>
      <c r="D708" s="539"/>
      <c r="E708" s="314"/>
      <c r="F708" s="708"/>
      <c r="G708" s="314"/>
      <c r="H708" s="709"/>
      <c r="K708" s="565"/>
      <c r="L708" s="565"/>
      <c r="M708" s="565"/>
      <c r="N708" s="654"/>
      <c r="O708" s="655"/>
    </row>
    <row r="709" spans="1:16" ht="18">
      <c r="B709" s="658" t="s">
        <v>474</v>
      </c>
      <c r="C709" s="740" t="s">
        <v>93</v>
      </c>
      <c r="D709" s="539"/>
      <c r="E709" s="314"/>
      <c r="F709" s="314"/>
      <c r="G709" s="314"/>
      <c r="H709" s="709"/>
      <c r="I709" s="709"/>
      <c r="J709" s="731"/>
      <c r="K709" s="709"/>
      <c r="L709" s="709"/>
      <c r="M709" s="709"/>
      <c r="N709" s="709"/>
      <c r="O709" s="314"/>
    </row>
    <row r="710" spans="1:16" ht="18.75">
      <c r="B710" s="658"/>
      <c r="C710" s="657"/>
      <c r="D710" s="539"/>
      <c r="E710" s="314"/>
      <c r="F710" s="314"/>
      <c r="G710" s="314"/>
      <c r="H710" s="709"/>
      <c r="I710" s="709"/>
      <c r="J710" s="731"/>
      <c r="K710" s="709"/>
      <c r="L710" s="709"/>
      <c r="M710" s="709"/>
      <c r="N710" s="709"/>
      <c r="O710" s="314"/>
    </row>
    <row r="711" spans="1:16" ht="18.75">
      <c r="B711" s="658"/>
      <c r="C711" s="657" t="s">
        <v>94</v>
      </c>
      <c r="D711" s="539"/>
      <c r="E711" s="314"/>
      <c r="F711" s="314"/>
      <c r="G711" s="314"/>
      <c r="H711" s="709"/>
      <c r="I711" s="709"/>
      <c r="J711" s="731"/>
      <c r="K711" s="709"/>
      <c r="L711" s="709"/>
      <c r="M711" s="709"/>
      <c r="N711" s="709"/>
      <c r="O711" s="314"/>
    </row>
    <row r="712" spans="1:16" ht="15.75" thickBot="1">
      <c r="C712" s="240"/>
      <c r="D712" s="539"/>
      <c r="E712" s="314"/>
      <c r="F712" s="314"/>
      <c r="G712" s="314"/>
      <c r="H712" s="709"/>
      <c r="I712" s="709"/>
      <c r="J712" s="731"/>
      <c r="K712" s="709"/>
      <c r="L712" s="709"/>
      <c r="M712" s="709"/>
      <c r="N712" s="709"/>
      <c r="O712" s="314"/>
    </row>
    <row r="713" spans="1:16" ht="15.75">
      <c r="C713" s="660" t="s">
        <v>95</v>
      </c>
      <c r="D713" s="539"/>
      <c r="E713" s="314"/>
      <c r="F713" s="314"/>
      <c r="G713" s="807"/>
      <c r="H713" s="314" t="s">
        <v>74</v>
      </c>
      <c r="I713" s="314"/>
      <c r="J713" s="426"/>
      <c r="K713" s="741" t="s">
        <v>99</v>
      </c>
      <c r="L713" s="742"/>
      <c r="M713" s="743"/>
      <c r="N713" s="744">
        <f>IF(I719=0,0,VLOOKUP(I719,C726:O785,5))</f>
        <v>7598316.548162899</v>
      </c>
      <c r="O713" s="314"/>
    </row>
    <row r="714" spans="1:16" ht="15.75">
      <c r="C714" s="660"/>
      <c r="D714" s="539"/>
      <c r="E714" s="314"/>
      <c r="F714" s="314"/>
      <c r="G714" s="314"/>
      <c r="H714" s="745"/>
      <c r="I714" s="745"/>
      <c r="J714" s="746"/>
      <c r="K714" s="747" t="s">
        <v>100</v>
      </c>
      <c r="L714" s="748"/>
      <c r="M714" s="426"/>
      <c r="N714" s="749">
        <f>IF(I719=0,0,VLOOKUP(I719,C726:O785,6))</f>
        <v>7598316.548162899</v>
      </c>
      <c r="O714" s="314"/>
    </row>
    <row r="715" spans="1:16" ht="13.5" thickBot="1">
      <c r="C715" s="750" t="s">
        <v>96</v>
      </c>
      <c r="D715" s="1489" t="s">
        <v>829</v>
      </c>
      <c r="E715" s="1489"/>
      <c r="F715" s="1489"/>
      <c r="G715" s="1489"/>
      <c r="H715" s="1489"/>
      <c r="I715" s="1489"/>
      <c r="J715" s="731"/>
      <c r="K715" s="751" t="s">
        <v>238</v>
      </c>
      <c r="L715" s="752"/>
      <c r="M715" s="752"/>
      <c r="N715" s="753">
        <f>+N714-N713</f>
        <v>0</v>
      </c>
      <c r="O715" s="314"/>
    </row>
    <row r="716" spans="1:16">
      <c r="C716" s="754"/>
      <c r="D716" s="1489"/>
      <c r="E716" s="1489"/>
      <c r="F716" s="1489"/>
      <c r="G716" s="1489"/>
      <c r="H716" s="1489"/>
      <c r="I716" s="1489"/>
      <c r="J716" s="731"/>
      <c r="K716" s="709"/>
      <c r="L716" s="709"/>
      <c r="M716" s="709"/>
      <c r="N716" s="709"/>
      <c r="O716" s="314"/>
    </row>
    <row r="717" spans="1:16" ht="13.5" thickBot="1">
      <c r="C717" s="757"/>
      <c r="D717" s="758"/>
      <c r="E717" s="756"/>
      <c r="F717" s="756"/>
      <c r="G717" s="756"/>
      <c r="H717" s="756"/>
      <c r="I717" s="756"/>
      <c r="J717" s="759"/>
      <c r="K717" s="756"/>
      <c r="L717" s="756"/>
      <c r="M717" s="756"/>
      <c r="N717" s="756"/>
      <c r="O717" s="348"/>
    </row>
    <row r="718" spans="1:16" ht="13.5" thickBot="1">
      <c r="C718" s="760" t="s">
        <v>97</v>
      </c>
      <c r="D718" s="761"/>
      <c r="E718" s="761"/>
      <c r="F718" s="761"/>
      <c r="G718" s="761"/>
      <c r="H718" s="761"/>
      <c r="I718" s="762"/>
      <c r="J718" s="763"/>
      <c r="K718" s="314"/>
      <c r="L718" s="314"/>
      <c r="M718" s="314"/>
      <c r="N718" s="314"/>
      <c r="O718" s="764"/>
    </row>
    <row r="719" spans="1:16" ht="15">
      <c r="C719" s="765" t="s">
        <v>75</v>
      </c>
      <c r="D719" s="1317">
        <v>62382766.399999999</v>
      </c>
      <c r="E719" s="726" t="s">
        <v>76</v>
      </c>
      <c r="G719" s="766"/>
      <c r="H719" s="766"/>
      <c r="I719" s="767">
        <f>$L$26</f>
        <v>2021</v>
      </c>
      <c r="J719" s="555"/>
      <c r="K719" s="1490" t="s">
        <v>247</v>
      </c>
      <c r="L719" s="1490"/>
      <c r="M719" s="1490"/>
      <c r="N719" s="1490"/>
      <c r="O719" s="1490"/>
    </row>
    <row r="720" spans="1:16">
      <c r="C720" s="765" t="s">
        <v>78</v>
      </c>
      <c r="D720" s="1318">
        <v>2016</v>
      </c>
      <c r="E720" s="765" t="s">
        <v>79</v>
      </c>
      <c r="F720" s="766"/>
      <c r="H720" s="173"/>
      <c r="I720" s="811">
        <f>IF(G713="",0,$F$17)</f>
        <v>0</v>
      </c>
      <c r="J720" s="768"/>
      <c r="K720" s="731" t="s">
        <v>247</v>
      </c>
    </row>
    <row r="721" spans="2:15">
      <c r="C721" s="765" t="s">
        <v>80</v>
      </c>
      <c r="D721" s="1319">
        <v>12</v>
      </c>
      <c r="E721" s="765" t="s">
        <v>81</v>
      </c>
      <c r="F721" s="766"/>
      <c r="H721" s="173"/>
      <c r="I721" s="769">
        <f>$G$70</f>
        <v>0.10870318164951323</v>
      </c>
      <c r="J721" s="770"/>
      <c r="K721" s="173" t="str">
        <f>"          INPUT PROJECTED ARR (WITH &amp; WITHOUT INCENTIVES) FROM EACH PRIOR YEAR"</f>
        <v xml:space="preserve">          INPUT PROJECTED ARR (WITH &amp; WITHOUT INCENTIVES) FROM EACH PRIOR YEAR</v>
      </c>
    </row>
    <row r="722" spans="2:15">
      <c r="C722" s="765" t="s">
        <v>82</v>
      </c>
      <c r="D722" s="771">
        <f>$G$79</f>
        <v>39</v>
      </c>
      <c r="E722" s="765" t="s">
        <v>83</v>
      </c>
      <c r="F722" s="766"/>
      <c r="H722" s="173"/>
      <c r="I722" s="769">
        <f>IF(G713="",I721,$G$69)</f>
        <v>0.10870318164951323</v>
      </c>
      <c r="J722" s="772"/>
      <c r="K722" s="173" t="s">
        <v>160</v>
      </c>
    </row>
    <row r="723" spans="2:15" ht="13.5" thickBot="1">
      <c r="C723" s="765" t="s">
        <v>84</v>
      </c>
      <c r="D723" s="808" t="s">
        <v>819</v>
      </c>
      <c r="E723" s="773" t="s">
        <v>85</v>
      </c>
      <c r="F723" s="774"/>
      <c r="G723" s="775"/>
      <c r="H723" s="775"/>
      <c r="I723" s="753">
        <f>IF(D719=0,0,D719/D722)</f>
        <v>1599558.1128205128</v>
      </c>
      <c r="J723" s="731"/>
      <c r="K723" s="731" t="s">
        <v>166</v>
      </c>
      <c r="L723" s="731"/>
      <c r="M723" s="731"/>
      <c r="N723" s="731"/>
      <c r="O723" s="426"/>
    </row>
    <row r="724" spans="2:15" ht="51">
      <c r="B724" s="846"/>
      <c r="C724" s="776" t="s">
        <v>75</v>
      </c>
      <c r="D724" s="777" t="s">
        <v>86</v>
      </c>
      <c r="E724" s="778" t="s">
        <v>87</v>
      </c>
      <c r="F724" s="777" t="s">
        <v>88</v>
      </c>
      <c r="G724" s="778" t="s">
        <v>159</v>
      </c>
      <c r="H724" s="779" t="s">
        <v>159</v>
      </c>
      <c r="I724" s="776" t="s">
        <v>98</v>
      </c>
      <c r="J724" s="780"/>
      <c r="K724" s="778" t="s">
        <v>168</v>
      </c>
      <c r="L724" s="781"/>
      <c r="M724" s="778" t="s">
        <v>168</v>
      </c>
      <c r="N724" s="781"/>
      <c r="O724" s="781"/>
    </row>
    <row r="725" spans="2:15" ht="13.5" thickBot="1">
      <c r="C725" s="782" t="s">
        <v>477</v>
      </c>
      <c r="D725" s="783" t="s">
        <v>478</v>
      </c>
      <c r="E725" s="782" t="s">
        <v>371</v>
      </c>
      <c r="F725" s="783" t="s">
        <v>478</v>
      </c>
      <c r="G725" s="784" t="s">
        <v>101</v>
      </c>
      <c r="H725" s="785" t="s">
        <v>103</v>
      </c>
      <c r="I725" s="786" t="s">
        <v>15</v>
      </c>
      <c r="J725" s="787"/>
      <c r="K725" s="784" t="s">
        <v>90</v>
      </c>
      <c r="L725" s="788"/>
      <c r="M725" s="784" t="s">
        <v>103</v>
      </c>
      <c r="N725" s="788"/>
      <c r="O725" s="788"/>
    </row>
    <row r="726" spans="2:15">
      <c r="C726" s="789">
        <f>IF(D720= "","-",D720)</f>
        <v>2016</v>
      </c>
      <c r="D726" s="737">
        <f>+D719</f>
        <v>62382766.399999999</v>
      </c>
      <c r="E726" s="790">
        <f>+I723/12*(12-D721)</f>
        <v>0</v>
      </c>
      <c r="F726" s="737">
        <f>+D726-E726</f>
        <v>62382766.399999999</v>
      </c>
      <c r="G726" s="999">
        <f>+$I$96*((D726+F726)/2)+E726</f>
        <v>6781205.18777835</v>
      </c>
      <c r="H726" s="1000">
        <f>$I$97*((D726+F726)/2)+E726</f>
        <v>6781205.18777835</v>
      </c>
      <c r="I726" s="793">
        <f>+H726-G726</f>
        <v>0</v>
      </c>
      <c r="J726" s="793"/>
      <c r="K726" s="1320">
        <v>5764647</v>
      </c>
      <c r="L726" s="794"/>
      <c r="M726" s="1320">
        <v>5764647</v>
      </c>
      <c r="N726" s="794"/>
      <c r="O726" s="794"/>
    </row>
    <row r="727" spans="2:15">
      <c r="C727" s="789">
        <f>IF(D720="","-",+C726+1)</f>
        <v>2017</v>
      </c>
      <c r="D727" s="737">
        <f t="shared" ref="D727:D785" si="42">F726</f>
        <v>62382766.399999999</v>
      </c>
      <c r="E727" s="790">
        <f>IF(D727&gt;$I$723,$I$723,D727)</f>
        <v>1599558.1128205128</v>
      </c>
      <c r="F727" s="737">
        <f t="shared" ref="F727:F785" si="43">+D727-E727</f>
        <v>60783208.287179485</v>
      </c>
      <c r="G727" s="795">
        <f t="shared" ref="G727:G785" si="44">+$I$96*((D727+F727)/2)+E727</f>
        <v>8293824.7725504218</v>
      </c>
      <c r="H727" s="796">
        <f t="shared" ref="H727:H785" si="45">$I$97*((D727+F727)/2)+E727</f>
        <v>8293824.7725504218</v>
      </c>
      <c r="I727" s="793">
        <f t="shared" ref="I727:I785" si="46">+H727-G727</f>
        <v>0</v>
      </c>
      <c r="J727" s="793"/>
      <c r="K727" s="1321">
        <v>7201236</v>
      </c>
      <c r="L727" s="797"/>
      <c r="M727" s="1321">
        <v>7201236</v>
      </c>
      <c r="N727" s="797"/>
      <c r="O727" s="797"/>
    </row>
    <row r="728" spans="2:15">
      <c r="C728" s="1338">
        <f>IF(D720="","-",+C727+1)</f>
        <v>2018</v>
      </c>
      <c r="D728" s="737">
        <f t="shared" si="42"/>
        <v>60783208.287179485</v>
      </c>
      <c r="E728" s="790">
        <f t="shared" ref="E728:E785" si="47">IF(D728&gt;$I$723,$I$723,D728)</f>
        <v>1599558.1128205128</v>
      </c>
      <c r="F728" s="737">
        <f t="shared" si="43"/>
        <v>59183650.174358971</v>
      </c>
      <c r="G728" s="795">
        <f t="shared" si="44"/>
        <v>8119947.716453542</v>
      </c>
      <c r="H728" s="796">
        <f t="shared" si="45"/>
        <v>8119947.716453542</v>
      </c>
      <c r="I728" s="793">
        <f t="shared" si="46"/>
        <v>0</v>
      </c>
      <c r="J728" s="793"/>
      <c r="K728" s="813">
        <v>7115546</v>
      </c>
      <c r="L728" s="797"/>
      <c r="M728" s="813">
        <v>7115546</v>
      </c>
      <c r="N728" s="797"/>
      <c r="O728" s="797"/>
    </row>
    <row r="729" spans="2:15">
      <c r="C729" s="1338">
        <f>IF(D720="","-",+C728+1)</f>
        <v>2019</v>
      </c>
      <c r="D729" s="737">
        <f t="shared" si="42"/>
        <v>59183650.174358971</v>
      </c>
      <c r="E729" s="790">
        <f t="shared" si="47"/>
        <v>1599558.1128205128</v>
      </c>
      <c r="F729" s="737">
        <f t="shared" si="43"/>
        <v>57584092.061538458</v>
      </c>
      <c r="G729" s="795">
        <f t="shared" si="44"/>
        <v>7946070.6603566604</v>
      </c>
      <c r="H729" s="796">
        <f t="shared" si="45"/>
        <v>7946070.6603566604</v>
      </c>
      <c r="I729" s="793">
        <f t="shared" si="46"/>
        <v>0</v>
      </c>
      <c r="J729" s="793"/>
      <c r="K729" s="813">
        <v>7533264.1272044405</v>
      </c>
      <c r="L729" s="797"/>
      <c r="M729" s="813">
        <v>7533264.1272044405</v>
      </c>
      <c r="N729" s="797"/>
      <c r="O729" s="797"/>
    </row>
    <row r="730" spans="2:15">
      <c r="C730" s="1338">
        <f>IF(D720="","-",+C729+1)</f>
        <v>2020</v>
      </c>
      <c r="D730" s="737">
        <f t="shared" si="42"/>
        <v>57584092.061538458</v>
      </c>
      <c r="E730" s="790">
        <f t="shared" si="47"/>
        <v>1599558.1128205128</v>
      </c>
      <c r="F730" s="737">
        <f t="shared" si="43"/>
        <v>55984533.948717944</v>
      </c>
      <c r="G730" s="795">
        <f t="shared" si="44"/>
        <v>7772193.6042597806</v>
      </c>
      <c r="H730" s="796">
        <f t="shared" si="45"/>
        <v>7772193.6042597806</v>
      </c>
      <c r="I730" s="793">
        <f t="shared" si="46"/>
        <v>0</v>
      </c>
      <c r="J730" s="793"/>
      <c r="K730" s="813">
        <v>4004462.7144813207</v>
      </c>
      <c r="L730" s="797"/>
      <c r="M730" s="813">
        <v>4004462.7144813207</v>
      </c>
      <c r="N730" s="797"/>
      <c r="O730" s="797"/>
    </row>
    <row r="731" spans="2:15">
      <c r="C731" s="1315">
        <f>IF(D720="","-",+C730+1)</f>
        <v>2021</v>
      </c>
      <c r="D731" s="737">
        <f t="shared" si="42"/>
        <v>55984533.948717944</v>
      </c>
      <c r="E731" s="790">
        <f t="shared" si="47"/>
        <v>1599558.1128205128</v>
      </c>
      <c r="F731" s="737">
        <f t="shared" si="43"/>
        <v>54384975.835897431</v>
      </c>
      <c r="G731" s="795">
        <f t="shared" si="44"/>
        <v>7598316.548162899</v>
      </c>
      <c r="H731" s="796">
        <f t="shared" si="45"/>
        <v>7598316.548162899</v>
      </c>
      <c r="I731" s="793">
        <f t="shared" si="46"/>
        <v>0</v>
      </c>
      <c r="J731" s="793"/>
      <c r="K731" s="813"/>
      <c r="L731" s="797"/>
      <c r="M731" s="813"/>
      <c r="N731" s="797"/>
      <c r="O731" s="797"/>
    </row>
    <row r="732" spans="2:15">
      <c r="C732" s="789">
        <f>IF(D720="","-",+C731+1)</f>
        <v>2022</v>
      </c>
      <c r="D732" s="737">
        <f t="shared" si="42"/>
        <v>54384975.835897431</v>
      </c>
      <c r="E732" s="790">
        <f t="shared" si="47"/>
        <v>1599558.1128205128</v>
      </c>
      <c r="F732" s="737">
        <f t="shared" si="43"/>
        <v>52785417.723076917</v>
      </c>
      <c r="G732" s="795">
        <f t="shared" si="44"/>
        <v>7424439.4920660183</v>
      </c>
      <c r="H732" s="796">
        <f t="shared" si="45"/>
        <v>7424439.4920660183</v>
      </c>
      <c r="I732" s="793">
        <f t="shared" si="46"/>
        <v>0</v>
      </c>
      <c r="J732" s="793"/>
      <c r="K732" s="813"/>
      <c r="L732" s="797"/>
      <c r="M732" s="813"/>
      <c r="N732" s="797"/>
      <c r="O732" s="797"/>
    </row>
    <row r="733" spans="2:15">
      <c r="C733" s="789">
        <f>IF(D720="","-",+C732+1)</f>
        <v>2023</v>
      </c>
      <c r="D733" s="737">
        <f t="shared" si="42"/>
        <v>52785417.723076917</v>
      </c>
      <c r="E733" s="790">
        <f t="shared" si="47"/>
        <v>1599558.1128205128</v>
      </c>
      <c r="F733" s="737">
        <f t="shared" si="43"/>
        <v>51185859.610256404</v>
      </c>
      <c r="G733" s="795">
        <f t="shared" si="44"/>
        <v>7250562.4359691367</v>
      </c>
      <c r="H733" s="796">
        <f t="shared" si="45"/>
        <v>7250562.4359691367</v>
      </c>
      <c r="I733" s="793">
        <f t="shared" si="46"/>
        <v>0</v>
      </c>
      <c r="J733" s="793"/>
      <c r="K733" s="813"/>
      <c r="L733" s="797"/>
      <c r="M733" s="813"/>
      <c r="N733" s="797"/>
      <c r="O733" s="797"/>
    </row>
    <row r="734" spans="2:15">
      <c r="C734" s="789">
        <f>IF(D720="","-",+C733+1)</f>
        <v>2024</v>
      </c>
      <c r="D734" s="737">
        <f t="shared" si="42"/>
        <v>51185859.610256404</v>
      </c>
      <c r="E734" s="790">
        <f t="shared" si="47"/>
        <v>1599558.1128205128</v>
      </c>
      <c r="F734" s="737">
        <f t="shared" si="43"/>
        <v>49586301.49743589</v>
      </c>
      <c r="G734" s="795">
        <f t="shared" si="44"/>
        <v>7076685.3798722569</v>
      </c>
      <c r="H734" s="796">
        <f t="shared" si="45"/>
        <v>7076685.3798722569</v>
      </c>
      <c r="I734" s="793">
        <f t="shared" si="46"/>
        <v>0</v>
      </c>
      <c r="J734" s="793"/>
      <c r="K734" s="813"/>
      <c r="L734" s="797"/>
      <c r="M734" s="813"/>
      <c r="N734" s="797"/>
      <c r="O734" s="797"/>
    </row>
    <row r="735" spans="2:15">
      <c r="C735" s="789">
        <f>IF(D720="","-",+C734+1)</f>
        <v>2025</v>
      </c>
      <c r="D735" s="737">
        <f t="shared" si="42"/>
        <v>49586301.49743589</v>
      </c>
      <c r="E735" s="790">
        <f t="shared" si="47"/>
        <v>1599558.1128205128</v>
      </c>
      <c r="F735" s="737">
        <f t="shared" si="43"/>
        <v>47986743.384615377</v>
      </c>
      <c r="G735" s="795">
        <f t="shared" si="44"/>
        <v>6902808.3237753753</v>
      </c>
      <c r="H735" s="796">
        <f t="shared" si="45"/>
        <v>6902808.3237753753</v>
      </c>
      <c r="I735" s="793">
        <f t="shared" si="46"/>
        <v>0</v>
      </c>
      <c r="J735" s="793"/>
      <c r="K735" s="813"/>
      <c r="L735" s="797"/>
      <c r="M735" s="813"/>
      <c r="N735" s="797"/>
      <c r="O735" s="797"/>
    </row>
    <row r="736" spans="2:15">
      <c r="C736" s="789">
        <f>IF(D720="","-",+C735+1)</f>
        <v>2026</v>
      </c>
      <c r="D736" s="737">
        <f t="shared" si="42"/>
        <v>47986743.384615377</v>
      </c>
      <c r="E736" s="790">
        <f t="shared" si="47"/>
        <v>1599558.1128205128</v>
      </c>
      <c r="F736" s="737">
        <f t="shared" si="43"/>
        <v>46387185.271794863</v>
      </c>
      <c r="G736" s="795">
        <f t="shared" si="44"/>
        <v>6728931.2676784955</v>
      </c>
      <c r="H736" s="796">
        <f t="shared" si="45"/>
        <v>6728931.2676784955</v>
      </c>
      <c r="I736" s="793">
        <f t="shared" si="46"/>
        <v>0</v>
      </c>
      <c r="J736" s="793"/>
      <c r="K736" s="813"/>
      <c r="L736" s="797"/>
      <c r="M736" s="813"/>
      <c r="N736" s="797"/>
      <c r="O736" s="797"/>
    </row>
    <row r="737" spans="3:15">
      <c r="C737" s="789">
        <f>IF(D720="","-",+C736+1)</f>
        <v>2027</v>
      </c>
      <c r="D737" s="737">
        <f t="shared" si="42"/>
        <v>46387185.271794863</v>
      </c>
      <c r="E737" s="790">
        <f t="shared" si="47"/>
        <v>1599558.1128205128</v>
      </c>
      <c r="F737" s="737">
        <f t="shared" si="43"/>
        <v>44787627.158974349</v>
      </c>
      <c r="G737" s="795">
        <f t="shared" si="44"/>
        <v>6555054.2115816139</v>
      </c>
      <c r="H737" s="796">
        <f t="shared" si="45"/>
        <v>6555054.2115816139</v>
      </c>
      <c r="I737" s="793">
        <f t="shared" si="46"/>
        <v>0</v>
      </c>
      <c r="J737" s="793"/>
      <c r="K737" s="813"/>
      <c r="L737" s="797"/>
      <c r="M737" s="813"/>
      <c r="N737" s="797"/>
      <c r="O737" s="797"/>
    </row>
    <row r="738" spans="3:15">
      <c r="C738" s="789">
        <f>IF(D720="","-",+C737+1)</f>
        <v>2028</v>
      </c>
      <c r="D738" s="737">
        <f t="shared" si="42"/>
        <v>44787627.158974349</v>
      </c>
      <c r="E738" s="790">
        <f t="shared" si="47"/>
        <v>1599558.1128205128</v>
      </c>
      <c r="F738" s="737">
        <f t="shared" si="43"/>
        <v>43188069.046153836</v>
      </c>
      <c r="G738" s="795">
        <f t="shared" si="44"/>
        <v>6381177.1554847332</v>
      </c>
      <c r="H738" s="796">
        <f t="shared" si="45"/>
        <v>6381177.1554847332</v>
      </c>
      <c r="I738" s="793">
        <f t="shared" si="46"/>
        <v>0</v>
      </c>
      <c r="J738" s="793"/>
      <c r="K738" s="813"/>
      <c r="L738" s="797"/>
      <c r="M738" s="813"/>
      <c r="N738" s="798"/>
      <c r="O738" s="797"/>
    </row>
    <row r="739" spans="3:15">
      <c r="C739" s="789">
        <f>IF(D720="","-",+C738+1)</f>
        <v>2029</v>
      </c>
      <c r="D739" s="737">
        <f t="shared" si="42"/>
        <v>43188069.046153836</v>
      </c>
      <c r="E739" s="790">
        <f t="shared" si="47"/>
        <v>1599558.1128205128</v>
      </c>
      <c r="F739" s="737">
        <f t="shared" si="43"/>
        <v>41588510.933333322</v>
      </c>
      <c r="G739" s="795">
        <f t="shared" si="44"/>
        <v>6207300.0993878515</v>
      </c>
      <c r="H739" s="796">
        <f t="shared" si="45"/>
        <v>6207300.0993878515</v>
      </c>
      <c r="I739" s="793">
        <f t="shared" si="46"/>
        <v>0</v>
      </c>
      <c r="J739" s="793"/>
      <c r="K739" s="813"/>
      <c r="L739" s="797"/>
      <c r="M739" s="813"/>
      <c r="N739" s="797"/>
      <c r="O739" s="797"/>
    </row>
    <row r="740" spans="3:15">
      <c r="C740" s="789">
        <f>IF(D720="","-",+C739+1)</f>
        <v>2030</v>
      </c>
      <c r="D740" s="737">
        <f t="shared" si="42"/>
        <v>41588510.933333322</v>
      </c>
      <c r="E740" s="790">
        <f t="shared" si="47"/>
        <v>1599558.1128205128</v>
      </c>
      <c r="F740" s="737">
        <f t="shared" si="43"/>
        <v>39988952.820512809</v>
      </c>
      <c r="G740" s="795">
        <f t="shared" si="44"/>
        <v>6033423.0432909718</v>
      </c>
      <c r="H740" s="796">
        <f t="shared" si="45"/>
        <v>6033423.0432909718</v>
      </c>
      <c r="I740" s="793">
        <f t="shared" si="46"/>
        <v>0</v>
      </c>
      <c r="J740" s="793"/>
      <c r="K740" s="813"/>
      <c r="L740" s="797"/>
      <c r="M740" s="813"/>
      <c r="N740" s="797"/>
      <c r="O740" s="797"/>
    </row>
    <row r="741" spans="3:15">
      <c r="C741" s="789">
        <f>IF(D720="","-",+C740+1)</f>
        <v>2031</v>
      </c>
      <c r="D741" s="737">
        <f t="shared" si="42"/>
        <v>39988952.820512809</v>
      </c>
      <c r="E741" s="790">
        <f t="shared" si="47"/>
        <v>1599558.1128205128</v>
      </c>
      <c r="F741" s="737">
        <f t="shared" si="43"/>
        <v>38389394.707692295</v>
      </c>
      <c r="G741" s="795">
        <f t="shared" si="44"/>
        <v>5859545.9871940902</v>
      </c>
      <c r="H741" s="796">
        <f t="shared" si="45"/>
        <v>5859545.9871940902</v>
      </c>
      <c r="I741" s="793">
        <f t="shared" si="46"/>
        <v>0</v>
      </c>
      <c r="J741" s="793"/>
      <c r="K741" s="813"/>
      <c r="L741" s="797"/>
      <c r="M741" s="813"/>
      <c r="N741" s="797"/>
      <c r="O741" s="797"/>
    </row>
    <row r="742" spans="3:15">
      <c r="C742" s="789">
        <f>IF(D720="","-",+C741+1)</f>
        <v>2032</v>
      </c>
      <c r="D742" s="737">
        <f t="shared" si="42"/>
        <v>38389394.707692295</v>
      </c>
      <c r="E742" s="790">
        <f t="shared" si="47"/>
        <v>1599558.1128205128</v>
      </c>
      <c r="F742" s="737">
        <f t="shared" si="43"/>
        <v>36789836.594871782</v>
      </c>
      <c r="G742" s="795">
        <f t="shared" si="44"/>
        <v>5685668.9310972104</v>
      </c>
      <c r="H742" s="796">
        <f t="shared" si="45"/>
        <v>5685668.9310972104</v>
      </c>
      <c r="I742" s="793">
        <f t="shared" si="46"/>
        <v>0</v>
      </c>
      <c r="J742" s="793"/>
      <c r="K742" s="813"/>
      <c r="L742" s="797"/>
      <c r="M742" s="813"/>
      <c r="N742" s="797"/>
      <c r="O742" s="797"/>
    </row>
    <row r="743" spans="3:15">
      <c r="C743" s="789">
        <f>IF(D720="","-",+C742+1)</f>
        <v>2033</v>
      </c>
      <c r="D743" s="737">
        <f t="shared" si="42"/>
        <v>36789836.594871782</v>
      </c>
      <c r="E743" s="790">
        <f t="shared" si="47"/>
        <v>1599558.1128205128</v>
      </c>
      <c r="F743" s="737">
        <f t="shared" si="43"/>
        <v>35190278.482051268</v>
      </c>
      <c r="G743" s="795">
        <f t="shared" si="44"/>
        <v>5511791.8750003288</v>
      </c>
      <c r="H743" s="796">
        <f t="shared" si="45"/>
        <v>5511791.8750003288</v>
      </c>
      <c r="I743" s="793">
        <f t="shared" si="46"/>
        <v>0</v>
      </c>
      <c r="J743" s="793"/>
      <c r="K743" s="813"/>
      <c r="L743" s="797"/>
      <c r="M743" s="813"/>
      <c r="N743" s="797"/>
      <c r="O743" s="797"/>
    </row>
    <row r="744" spans="3:15">
      <c r="C744" s="789">
        <f>IF(D720="","-",+C743+1)</f>
        <v>2034</v>
      </c>
      <c r="D744" s="737">
        <f t="shared" si="42"/>
        <v>35190278.482051268</v>
      </c>
      <c r="E744" s="790">
        <f t="shared" si="47"/>
        <v>1599558.1128205128</v>
      </c>
      <c r="F744" s="737">
        <f t="shared" si="43"/>
        <v>33590720.369230755</v>
      </c>
      <c r="G744" s="795">
        <f t="shared" si="44"/>
        <v>5337914.818903449</v>
      </c>
      <c r="H744" s="796">
        <f t="shared" si="45"/>
        <v>5337914.818903449</v>
      </c>
      <c r="I744" s="793">
        <f t="shared" si="46"/>
        <v>0</v>
      </c>
      <c r="J744" s="793"/>
      <c r="K744" s="813"/>
      <c r="L744" s="797"/>
      <c r="M744" s="813"/>
      <c r="N744" s="797"/>
      <c r="O744" s="797"/>
    </row>
    <row r="745" spans="3:15">
      <c r="C745" s="789">
        <f>IF(D720="","-",+C744+1)</f>
        <v>2035</v>
      </c>
      <c r="D745" s="737">
        <f t="shared" si="42"/>
        <v>33590720.369230755</v>
      </c>
      <c r="E745" s="790">
        <f t="shared" si="47"/>
        <v>1599558.1128205128</v>
      </c>
      <c r="F745" s="737">
        <f t="shared" si="43"/>
        <v>31991162.256410241</v>
      </c>
      <c r="G745" s="795">
        <f t="shared" si="44"/>
        <v>5164037.7628065674</v>
      </c>
      <c r="H745" s="796">
        <f t="shared" si="45"/>
        <v>5164037.7628065674</v>
      </c>
      <c r="I745" s="793">
        <f t="shared" si="46"/>
        <v>0</v>
      </c>
      <c r="J745" s="793"/>
      <c r="K745" s="813"/>
      <c r="L745" s="797"/>
      <c r="M745" s="813"/>
      <c r="N745" s="797"/>
      <c r="O745" s="797"/>
    </row>
    <row r="746" spans="3:15">
      <c r="C746" s="789">
        <f>IF(D720="","-",+C745+1)</f>
        <v>2036</v>
      </c>
      <c r="D746" s="737">
        <f t="shared" si="42"/>
        <v>31991162.256410241</v>
      </c>
      <c r="E746" s="790">
        <f t="shared" si="47"/>
        <v>1599558.1128205128</v>
      </c>
      <c r="F746" s="737">
        <f t="shared" si="43"/>
        <v>30391604.143589728</v>
      </c>
      <c r="G746" s="795">
        <f t="shared" si="44"/>
        <v>4990160.7067096867</v>
      </c>
      <c r="H746" s="796">
        <f t="shared" si="45"/>
        <v>4990160.7067096867</v>
      </c>
      <c r="I746" s="793">
        <f t="shared" si="46"/>
        <v>0</v>
      </c>
      <c r="J746" s="793"/>
      <c r="K746" s="813"/>
      <c r="L746" s="797"/>
      <c r="M746" s="813"/>
      <c r="N746" s="797"/>
      <c r="O746" s="797"/>
    </row>
    <row r="747" spans="3:15">
      <c r="C747" s="789">
        <f>IF(D720="","-",+C746+1)</f>
        <v>2037</v>
      </c>
      <c r="D747" s="737">
        <f t="shared" si="42"/>
        <v>30391604.143589728</v>
      </c>
      <c r="E747" s="790">
        <f t="shared" si="47"/>
        <v>1599558.1128205128</v>
      </c>
      <c r="F747" s="737">
        <f t="shared" si="43"/>
        <v>28792046.030769214</v>
      </c>
      <c r="G747" s="795">
        <f t="shared" si="44"/>
        <v>4816283.650612806</v>
      </c>
      <c r="H747" s="796">
        <f t="shared" si="45"/>
        <v>4816283.650612806</v>
      </c>
      <c r="I747" s="793">
        <f t="shared" si="46"/>
        <v>0</v>
      </c>
      <c r="J747" s="793"/>
      <c r="K747" s="813"/>
      <c r="L747" s="797"/>
      <c r="M747" s="813"/>
      <c r="N747" s="797"/>
      <c r="O747" s="797"/>
    </row>
    <row r="748" spans="3:15">
      <c r="C748" s="789">
        <f>IF(D720="","-",+C747+1)</f>
        <v>2038</v>
      </c>
      <c r="D748" s="737">
        <f t="shared" si="42"/>
        <v>28792046.030769214</v>
      </c>
      <c r="E748" s="790">
        <f t="shared" si="47"/>
        <v>1599558.1128205128</v>
      </c>
      <c r="F748" s="737">
        <f t="shared" si="43"/>
        <v>27192487.9179487</v>
      </c>
      <c r="G748" s="795">
        <f t="shared" si="44"/>
        <v>4642406.5945159243</v>
      </c>
      <c r="H748" s="796">
        <f t="shared" si="45"/>
        <v>4642406.5945159243</v>
      </c>
      <c r="I748" s="793">
        <f t="shared" si="46"/>
        <v>0</v>
      </c>
      <c r="J748" s="793"/>
      <c r="K748" s="813"/>
      <c r="L748" s="797"/>
      <c r="M748" s="813"/>
      <c r="N748" s="797"/>
      <c r="O748" s="797"/>
    </row>
    <row r="749" spans="3:15">
      <c r="C749" s="789">
        <f>IF(D720="","-",+C748+1)</f>
        <v>2039</v>
      </c>
      <c r="D749" s="737">
        <f t="shared" si="42"/>
        <v>27192487.9179487</v>
      </c>
      <c r="E749" s="790">
        <f t="shared" si="47"/>
        <v>1599558.1128205128</v>
      </c>
      <c r="F749" s="737">
        <f t="shared" si="43"/>
        <v>25592929.805128187</v>
      </c>
      <c r="G749" s="795">
        <f t="shared" si="44"/>
        <v>4468529.5384190436</v>
      </c>
      <c r="H749" s="796">
        <f t="shared" si="45"/>
        <v>4468529.5384190436</v>
      </c>
      <c r="I749" s="793">
        <f t="shared" si="46"/>
        <v>0</v>
      </c>
      <c r="J749" s="793"/>
      <c r="K749" s="813"/>
      <c r="L749" s="797"/>
      <c r="M749" s="813"/>
      <c r="N749" s="797"/>
      <c r="O749" s="797"/>
    </row>
    <row r="750" spans="3:15">
      <c r="C750" s="789">
        <f>IF(D720="","-",+C749+1)</f>
        <v>2040</v>
      </c>
      <c r="D750" s="737">
        <f t="shared" si="42"/>
        <v>25592929.805128187</v>
      </c>
      <c r="E750" s="790">
        <f t="shared" si="47"/>
        <v>1599558.1128205128</v>
      </c>
      <c r="F750" s="737">
        <f t="shared" si="43"/>
        <v>23993371.692307673</v>
      </c>
      <c r="G750" s="795">
        <f t="shared" si="44"/>
        <v>4294652.4823221629</v>
      </c>
      <c r="H750" s="796">
        <f t="shared" si="45"/>
        <v>4294652.4823221629</v>
      </c>
      <c r="I750" s="793">
        <f t="shared" si="46"/>
        <v>0</v>
      </c>
      <c r="J750" s="793"/>
      <c r="K750" s="813"/>
      <c r="L750" s="797"/>
      <c r="M750" s="813"/>
      <c r="N750" s="797"/>
      <c r="O750" s="797"/>
    </row>
    <row r="751" spans="3:15">
      <c r="C751" s="789">
        <f>IF(D720="","-",+C750+1)</f>
        <v>2041</v>
      </c>
      <c r="D751" s="737">
        <f t="shared" si="42"/>
        <v>23993371.692307673</v>
      </c>
      <c r="E751" s="790">
        <f t="shared" si="47"/>
        <v>1599558.1128205128</v>
      </c>
      <c r="F751" s="737">
        <f t="shared" si="43"/>
        <v>22393813.57948716</v>
      </c>
      <c r="G751" s="795">
        <f t="shared" si="44"/>
        <v>4120775.4262252823</v>
      </c>
      <c r="H751" s="796">
        <f t="shared" si="45"/>
        <v>4120775.4262252823</v>
      </c>
      <c r="I751" s="793">
        <f t="shared" si="46"/>
        <v>0</v>
      </c>
      <c r="J751" s="793"/>
      <c r="K751" s="813"/>
      <c r="L751" s="797"/>
      <c r="M751" s="813"/>
      <c r="N751" s="797"/>
      <c r="O751" s="797"/>
    </row>
    <row r="752" spans="3:15">
      <c r="C752" s="789">
        <f>IF(D720="","-",+C751+1)</f>
        <v>2042</v>
      </c>
      <c r="D752" s="737">
        <f t="shared" si="42"/>
        <v>22393813.57948716</v>
      </c>
      <c r="E752" s="790">
        <f t="shared" si="47"/>
        <v>1599558.1128205128</v>
      </c>
      <c r="F752" s="737">
        <f t="shared" si="43"/>
        <v>20794255.466666646</v>
      </c>
      <c r="G752" s="795">
        <f t="shared" si="44"/>
        <v>3946898.3701284016</v>
      </c>
      <c r="H752" s="796">
        <f t="shared" si="45"/>
        <v>3946898.3701284016</v>
      </c>
      <c r="I752" s="793">
        <f t="shared" si="46"/>
        <v>0</v>
      </c>
      <c r="J752" s="793"/>
      <c r="K752" s="813"/>
      <c r="L752" s="797"/>
      <c r="M752" s="813"/>
      <c r="N752" s="797"/>
      <c r="O752" s="797"/>
    </row>
    <row r="753" spans="3:15">
      <c r="C753" s="789">
        <f>IF(D720="","-",+C752+1)</f>
        <v>2043</v>
      </c>
      <c r="D753" s="737">
        <f t="shared" si="42"/>
        <v>20794255.466666646</v>
      </c>
      <c r="E753" s="790">
        <f t="shared" si="47"/>
        <v>1599558.1128205128</v>
      </c>
      <c r="F753" s="737">
        <f t="shared" si="43"/>
        <v>19194697.353846133</v>
      </c>
      <c r="G753" s="795">
        <f t="shared" si="44"/>
        <v>3773021.3140315199</v>
      </c>
      <c r="H753" s="796">
        <f t="shared" si="45"/>
        <v>3773021.3140315199</v>
      </c>
      <c r="I753" s="793">
        <f t="shared" si="46"/>
        <v>0</v>
      </c>
      <c r="J753" s="793"/>
      <c r="K753" s="813"/>
      <c r="L753" s="797"/>
      <c r="M753" s="813"/>
      <c r="N753" s="797"/>
      <c r="O753" s="797"/>
    </row>
    <row r="754" spans="3:15">
      <c r="C754" s="789">
        <f>IF(D720="","-",+C753+1)</f>
        <v>2044</v>
      </c>
      <c r="D754" s="737">
        <f t="shared" si="42"/>
        <v>19194697.353846133</v>
      </c>
      <c r="E754" s="790">
        <f t="shared" si="47"/>
        <v>1599558.1128205128</v>
      </c>
      <c r="F754" s="737">
        <f t="shared" si="43"/>
        <v>17595139.241025619</v>
      </c>
      <c r="G754" s="791">
        <f t="shared" si="44"/>
        <v>3599144.2579346392</v>
      </c>
      <c r="H754" s="796">
        <f t="shared" si="45"/>
        <v>3599144.2579346392</v>
      </c>
      <c r="I754" s="793">
        <f t="shared" si="46"/>
        <v>0</v>
      </c>
      <c r="J754" s="793"/>
      <c r="K754" s="813"/>
      <c r="L754" s="797"/>
      <c r="M754" s="813"/>
      <c r="N754" s="797"/>
      <c r="O754" s="797"/>
    </row>
    <row r="755" spans="3:15">
      <c r="C755" s="789">
        <f>IF(D720="","-",+C754+1)</f>
        <v>2045</v>
      </c>
      <c r="D755" s="737">
        <f t="shared" si="42"/>
        <v>17595139.241025619</v>
      </c>
      <c r="E755" s="790">
        <f t="shared" si="47"/>
        <v>1599558.1128205128</v>
      </c>
      <c r="F755" s="737">
        <f t="shared" si="43"/>
        <v>15995581.128205106</v>
      </c>
      <c r="G755" s="795">
        <f t="shared" si="44"/>
        <v>3425267.2018377585</v>
      </c>
      <c r="H755" s="796">
        <f t="shared" si="45"/>
        <v>3425267.2018377585</v>
      </c>
      <c r="I755" s="793">
        <f t="shared" si="46"/>
        <v>0</v>
      </c>
      <c r="J755" s="793"/>
      <c r="K755" s="813"/>
      <c r="L755" s="797"/>
      <c r="M755" s="813"/>
      <c r="N755" s="797"/>
      <c r="O755" s="797"/>
    </row>
    <row r="756" spans="3:15">
      <c r="C756" s="789">
        <f>IF(D720="","-",+C755+1)</f>
        <v>2046</v>
      </c>
      <c r="D756" s="737">
        <f t="shared" si="42"/>
        <v>15995581.128205106</v>
      </c>
      <c r="E756" s="790">
        <f t="shared" si="47"/>
        <v>1599558.1128205128</v>
      </c>
      <c r="F756" s="737">
        <f t="shared" si="43"/>
        <v>14396023.015384592</v>
      </c>
      <c r="G756" s="795">
        <f t="shared" si="44"/>
        <v>3251390.1457408778</v>
      </c>
      <c r="H756" s="796">
        <f t="shared" si="45"/>
        <v>3251390.1457408778</v>
      </c>
      <c r="I756" s="793">
        <f t="shared" si="46"/>
        <v>0</v>
      </c>
      <c r="J756" s="793"/>
      <c r="K756" s="813"/>
      <c r="L756" s="797"/>
      <c r="M756" s="813"/>
      <c r="N756" s="797"/>
      <c r="O756" s="797"/>
    </row>
    <row r="757" spans="3:15">
      <c r="C757" s="789">
        <f>IF(D720="","-",+C756+1)</f>
        <v>2047</v>
      </c>
      <c r="D757" s="737">
        <f t="shared" si="42"/>
        <v>14396023.015384592</v>
      </c>
      <c r="E757" s="790">
        <f t="shared" si="47"/>
        <v>1599558.1128205128</v>
      </c>
      <c r="F757" s="737">
        <f t="shared" si="43"/>
        <v>12796464.902564079</v>
      </c>
      <c r="G757" s="795">
        <f t="shared" si="44"/>
        <v>3077513.0896439971</v>
      </c>
      <c r="H757" s="796">
        <f t="shared" si="45"/>
        <v>3077513.0896439971</v>
      </c>
      <c r="I757" s="793">
        <f t="shared" si="46"/>
        <v>0</v>
      </c>
      <c r="J757" s="793"/>
      <c r="K757" s="813"/>
      <c r="L757" s="797"/>
      <c r="M757" s="813"/>
      <c r="N757" s="797"/>
      <c r="O757" s="797"/>
    </row>
    <row r="758" spans="3:15">
      <c r="C758" s="789">
        <f>IF(D720="","-",+C757+1)</f>
        <v>2048</v>
      </c>
      <c r="D758" s="737">
        <f t="shared" si="42"/>
        <v>12796464.902564079</v>
      </c>
      <c r="E758" s="790">
        <f t="shared" si="47"/>
        <v>1599558.1128205128</v>
      </c>
      <c r="F758" s="737">
        <f t="shared" si="43"/>
        <v>11196906.789743565</v>
      </c>
      <c r="G758" s="795">
        <f t="shared" si="44"/>
        <v>2903636.033547116</v>
      </c>
      <c r="H758" s="796">
        <f t="shared" si="45"/>
        <v>2903636.033547116</v>
      </c>
      <c r="I758" s="793">
        <f t="shared" si="46"/>
        <v>0</v>
      </c>
      <c r="J758" s="793"/>
      <c r="K758" s="813"/>
      <c r="L758" s="797"/>
      <c r="M758" s="813"/>
      <c r="N758" s="797"/>
      <c r="O758" s="797"/>
    </row>
    <row r="759" spans="3:15">
      <c r="C759" s="789">
        <f>IF(D720="","-",+C758+1)</f>
        <v>2049</v>
      </c>
      <c r="D759" s="737">
        <f t="shared" si="42"/>
        <v>11196906.789743565</v>
      </c>
      <c r="E759" s="790">
        <f t="shared" si="47"/>
        <v>1599558.1128205128</v>
      </c>
      <c r="F759" s="737">
        <f t="shared" si="43"/>
        <v>9597348.6769230515</v>
      </c>
      <c r="G759" s="795">
        <f t="shared" si="44"/>
        <v>2729758.9774502353</v>
      </c>
      <c r="H759" s="796">
        <f t="shared" si="45"/>
        <v>2729758.9774502353</v>
      </c>
      <c r="I759" s="793">
        <f t="shared" si="46"/>
        <v>0</v>
      </c>
      <c r="J759" s="793"/>
      <c r="K759" s="813"/>
      <c r="L759" s="797"/>
      <c r="M759" s="813"/>
      <c r="N759" s="797"/>
      <c r="O759" s="797"/>
    </row>
    <row r="760" spans="3:15">
      <c r="C760" s="789">
        <f>IF(D720="","-",+C759+1)</f>
        <v>2050</v>
      </c>
      <c r="D760" s="737">
        <f t="shared" si="42"/>
        <v>9597348.6769230515</v>
      </c>
      <c r="E760" s="790">
        <f t="shared" si="47"/>
        <v>1599558.1128205128</v>
      </c>
      <c r="F760" s="737">
        <f t="shared" si="43"/>
        <v>7997790.5641025389</v>
      </c>
      <c r="G760" s="795">
        <f t="shared" si="44"/>
        <v>2555881.9213533541</v>
      </c>
      <c r="H760" s="796">
        <f t="shared" si="45"/>
        <v>2555881.9213533541</v>
      </c>
      <c r="I760" s="793">
        <f t="shared" si="46"/>
        <v>0</v>
      </c>
      <c r="J760" s="793"/>
      <c r="K760" s="813"/>
      <c r="L760" s="797"/>
      <c r="M760" s="813"/>
      <c r="N760" s="797"/>
      <c r="O760" s="797"/>
    </row>
    <row r="761" spans="3:15">
      <c r="C761" s="789">
        <f>IF(D720="","-",+C760+1)</f>
        <v>2051</v>
      </c>
      <c r="D761" s="737">
        <f t="shared" si="42"/>
        <v>7997790.5641025389</v>
      </c>
      <c r="E761" s="790">
        <f t="shared" si="47"/>
        <v>1599558.1128205128</v>
      </c>
      <c r="F761" s="737">
        <f t="shared" si="43"/>
        <v>6398232.4512820262</v>
      </c>
      <c r="G761" s="795">
        <f t="shared" si="44"/>
        <v>2382004.8652564734</v>
      </c>
      <c r="H761" s="796">
        <f t="shared" si="45"/>
        <v>2382004.8652564734</v>
      </c>
      <c r="I761" s="793">
        <f t="shared" si="46"/>
        <v>0</v>
      </c>
      <c r="J761" s="793"/>
      <c r="K761" s="813"/>
      <c r="L761" s="797"/>
      <c r="M761" s="813"/>
      <c r="N761" s="797"/>
      <c r="O761" s="797"/>
    </row>
    <row r="762" spans="3:15">
      <c r="C762" s="789">
        <f>IF(D720="","-",+C761+1)</f>
        <v>2052</v>
      </c>
      <c r="D762" s="737">
        <f t="shared" si="42"/>
        <v>6398232.4512820262</v>
      </c>
      <c r="E762" s="790">
        <f t="shared" si="47"/>
        <v>1599558.1128205128</v>
      </c>
      <c r="F762" s="737">
        <f t="shared" si="43"/>
        <v>4798674.3384615136</v>
      </c>
      <c r="G762" s="795">
        <f t="shared" si="44"/>
        <v>2208127.8091595927</v>
      </c>
      <c r="H762" s="796">
        <f t="shared" si="45"/>
        <v>2208127.8091595927</v>
      </c>
      <c r="I762" s="793">
        <f t="shared" si="46"/>
        <v>0</v>
      </c>
      <c r="J762" s="793"/>
      <c r="K762" s="813"/>
      <c r="L762" s="797"/>
      <c r="M762" s="813"/>
      <c r="N762" s="797"/>
      <c r="O762" s="797"/>
    </row>
    <row r="763" spans="3:15">
      <c r="C763" s="789">
        <f>IF(D720="","-",+C762+1)</f>
        <v>2053</v>
      </c>
      <c r="D763" s="737">
        <f t="shared" si="42"/>
        <v>4798674.3384615136</v>
      </c>
      <c r="E763" s="790">
        <f t="shared" si="47"/>
        <v>1599558.1128205128</v>
      </c>
      <c r="F763" s="737">
        <f t="shared" si="43"/>
        <v>3199116.225641001</v>
      </c>
      <c r="G763" s="795">
        <f t="shared" si="44"/>
        <v>2034250.753062712</v>
      </c>
      <c r="H763" s="796">
        <f t="shared" si="45"/>
        <v>2034250.753062712</v>
      </c>
      <c r="I763" s="793">
        <f t="shared" si="46"/>
        <v>0</v>
      </c>
      <c r="J763" s="793"/>
      <c r="K763" s="813"/>
      <c r="L763" s="797"/>
      <c r="M763" s="813"/>
      <c r="N763" s="797"/>
      <c r="O763" s="797"/>
    </row>
    <row r="764" spans="3:15">
      <c r="C764" s="789">
        <f>IF(D720="","-",+C763+1)</f>
        <v>2054</v>
      </c>
      <c r="D764" s="737">
        <f t="shared" si="42"/>
        <v>3199116.225641001</v>
      </c>
      <c r="E764" s="790">
        <f t="shared" si="47"/>
        <v>1599558.1128205128</v>
      </c>
      <c r="F764" s="737">
        <f t="shared" si="43"/>
        <v>1599558.1128204882</v>
      </c>
      <c r="G764" s="795">
        <f t="shared" si="44"/>
        <v>1860373.6969658313</v>
      </c>
      <c r="H764" s="796">
        <f t="shared" si="45"/>
        <v>1860373.6969658313</v>
      </c>
      <c r="I764" s="793">
        <f t="shared" si="46"/>
        <v>0</v>
      </c>
      <c r="J764" s="793"/>
      <c r="K764" s="813"/>
      <c r="L764" s="797"/>
      <c r="M764" s="813"/>
      <c r="N764" s="797"/>
      <c r="O764" s="797"/>
    </row>
    <row r="765" spans="3:15">
      <c r="C765" s="789">
        <f>IF(D720="","-",+C764+1)</f>
        <v>2055</v>
      </c>
      <c r="D765" s="737">
        <f t="shared" si="42"/>
        <v>1599558.1128204882</v>
      </c>
      <c r="E765" s="790">
        <f t="shared" si="47"/>
        <v>1599558.1128204882</v>
      </c>
      <c r="F765" s="737">
        <f t="shared" si="43"/>
        <v>0</v>
      </c>
      <c r="G765" s="795">
        <f t="shared" si="44"/>
        <v>1686496.6408689271</v>
      </c>
      <c r="H765" s="796">
        <f t="shared" si="45"/>
        <v>1686496.6408689271</v>
      </c>
      <c r="I765" s="793">
        <f t="shared" si="46"/>
        <v>0</v>
      </c>
      <c r="J765" s="793"/>
      <c r="K765" s="813"/>
      <c r="L765" s="797"/>
      <c r="M765" s="813"/>
      <c r="N765" s="797"/>
      <c r="O765" s="797"/>
    </row>
    <row r="766" spans="3:15">
      <c r="C766" s="789">
        <f>IF(D720="","-",+C765+1)</f>
        <v>2056</v>
      </c>
      <c r="D766" s="737">
        <f t="shared" si="42"/>
        <v>0</v>
      </c>
      <c r="E766" s="790">
        <f t="shared" si="47"/>
        <v>0</v>
      </c>
      <c r="F766" s="737">
        <f t="shared" si="43"/>
        <v>0</v>
      </c>
      <c r="G766" s="795">
        <f t="shared" si="44"/>
        <v>0</v>
      </c>
      <c r="H766" s="796">
        <f t="shared" si="45"/>
        <v>0</v>
      </c>
      <c r="I766" s="793">
        <f t="shared" si="46"/>
        <v>0</v>
      </c>
      <c r="J766" s="793"/>
      <c r="K766" s="813"/>
      <c r="L766" s="797"/>
      <c r="M766" s="813"/>
      <c r="N766" s="797"/>
      <c r="O766" s="797"/>
    </row>
    <row r="767" spans="3:15">
      <c r="C767" s="789">
        <f>IF(D720="","-",+C766+1)</f>
        <v>2057</v>
      </c>
      <c r="D767" s="737">
        <f t="shared" si="42"/>
        <v>0</v>
      </c>
      <c r="E767" s="790">
        <f t="shared" si="47"/>
        <v>0</v>
      </c>
      <c r="F767" s="737">
        <f t="shared" si="43"/>
        <v>0</v>
      </c>
      <c r="G767" s="795">
        <f t="shared" si="44"/>
        <v>0</v>
      </c>
      <c r="H767" s="796">
        <f t="shared" si="45"/>
        <v>0</v>
      </c>
      <c r="I767" s="793">
        <f t="shared" si="46"/>
        <v>0</v>
      </c>
      <c r="J767" s="793"/>
      <c r="K767" s="813"/>
      <c r="L767" s="797"/>
      <c r="M767" s="813"/>
      <c r="N767" s="797"/>
      <c r="O767" s="797"/>
    </row>
    <row r="768" spans="3:15">
      <c r="C768" s="789">
        <f>IF(D720="","-",+C767+1)</f>
        <v>2058</v>
      </c>
      <c r="D768" s="737">
        <f t="shared" si="42"/>
        <v>0</v>
      </c>
      <c r="E768" s="790">
        <f t="shared" si="47"/>
        <v>0</v>
      </c>
      <c r="F768" s="737">
        <f t="shared" si="43"/>
        <v>0</v>
      </c>
      <c r="G768" s="795">
        <f t="shared" si="44"/>
        <v>0</v>
      </c>
      <c r="H768" s="796">
        <f t="shared" si="45"/>
        <v>0</v>
      </c>
      <c r="I768" s="793">
        <f t="shared" si="46"/>
        <v>0</v>
      </c>
      <c r="J768" s="793"/>
      <c r="K768" s="813"/>
      <c r="L768" s="797"/>
      <c r="M768" s="813"/>
      <c r="N768" s="797"/>
      <c r="O768" s="797"/>
    </row>
    <row r="769" spans="3:15">
      <c r="C769" s="789">
        <f>IF(D720="","-",+C768+1)</f>
        <v>2059</v>
      </c>
      <c r="D769" s="737">
        <f t="shared" si="42"/>
        <v>0</v>
      </c>
      <c r="E769" s="790">
        <f t="shared" si="47"/>
        <v>0</v>
      </c>
      <c r="F769" s="737">
        <f t="shared" si="43"/>
        <v>0</v>
      </c>
      <c r="G769" s="795">
        <f t="shared" si="44"/>
        <v>0</v>
      </c>
      <c r="H769" s="796">
        <f t="shared" si="45"/>
        <v>0</v>
      </c>
      <c r="I769" s="793">
        <f t="shared" si="46"/>
        <v>0</v>
      </c>
      <c r="J769" s="793"/>
      <c r="K769" s="813"/>
      <c r="L769" s="797"/>
      <c r="M769" s="813"/>
      <c r="N769" s="797"/>
      <c r="O769" s="797"/>
    </row>
    <row r="770" spans="3:15">
      <c r="C770" s="789">
        <f>IF(D720="","-",+C769+1)</f>
        <v>2060</v>
      </c>
      <c r="D770" s="737">
        <f t="shared" si="42"/>
        <v>0</v>
      </c>
      <c r="E770" s="790">
        <f t="shared" si="47"/>
        <v>0</v>
      </c>
      <c r="F770" s="737">
        <f t="shared" si="43"/>
        <v>0</v>
      </c>
      <c r="G770" s="795">
        <f t="shared" si="44"/>
        <v>0</v>
      </c>
      <c r="H770" s="796">
        <f t="shared" si="45"/>
        <v>0</v>
      </c>
      <c r="I770" s="793">
        <f t="shared" si="46"/>
        <v>0</v>
      </c>
      <c r="J770" s="793"/>
      <c r="K770" s="813"/>
      <c r="L770" s="797"/>
      <c r="M770" s="813"/>
      <c r="N770" s="797"/>
      <c r="O770" s="797"/>
    </row>
    <row r="771" spans="3:15">
      <c r="C771" s="789">
        <f>IF(D720="","-",+C770+1)</f>
        <v>2061</v>
      </c>
      <c r="D771" s="737">
        <f t="shared" si="42"/>
        <v>0</v>
      </c>
      <c r="E771" s="790">
        <f t="shared" si="47"/>
        <v>0</v>
      </c>
      <c r="F771" s="737">
        <f t="shared" si="43"/>
        <v>0</v>
      </c>
      <c r="G771" s="795">
        <f t="shared" si="44"/>
        <v>0</v>
      </c>
      <c r="H771" s="796">
        <f t="shared" si="45"/>
        <v>0</v>
      </c>
      <c r="I771" s="793">
        <f t="shared" si="46"/>
        <v>0</v>
      </c>
      <c r="J771" s="793"/>
      <c r="K771" s="813"/>
      <c r="L771" s="797"/>
      <c r="M771" s="813"/>
      <c r="N771" s="797"/>
      <c r="O771" s="797"/>
    </row>
    <row r="772" spans="3:15">
      <c r="C772" s="789">
        <f>IF(D720="","-",+C771+1)</f>
        <v>2062</v>
      </c>
      <c r="D772" s="737">
        <f t="shared" si="42"/>
        <v>0</v>
      </c>
      <c r="E772" s="790">
        <f t="shared" si="47"/>
        <v>0</v>
      </c>
      <c r="F772" s="737">
        <f t="shared" si="43"/>
        <v>0</v>
      </c>
      <c r="G772" s="795">
        <f t="shared" si="44"/>
        <v>0</v>
      </c>
      <c r="H772" s="796">
        <f t="shared" si="45"/>
        <v>0</v>
      </c>
      <c r="I772" s="793">
        <f t="shared" si="46"/>
        <v>0</v>
      </c>
      <c r="J772" s="793"/>
      <c r="K772" s="813"/>
      <c r="L772" s="797"/>
      <c r="M772" s="813"/>
      <c r="N772" s="797"/>
      <c r="O772" s="797"/>
    </row>
    <row r="773" spans="3:15">
      <c r="C773" s="789">
        <f>IF(D720="","-",+C772+1)</f>
        <v>2063</v>
      </c>
      <c r="D773" s="737">
        <f t="shared" si="42"/>
        <v>0</v>
      </c>
      <c r="E773" s="790">
        <f t="shared" si="47"/>
        <v>0</v>
      </c>
      <c r="F773" s="737">
        <f t="shared" si="43"/>
        <v>0</v>
      </c>
      <c r="G773" s="795">
        <f t="shared" si="44"/>
        <v>0</v>
      </c>
      <c r="H773" s="796">
        <f t="shared" si="45"/>
        <v>0</v>
      </c>
      <c r="I773" s="793">
        <f t="shared" si="46"/>
        <v>0</v>
      </c>
      <c r="J773" s="793"/>
      <c r="K773" s="813"/>
      <c r="L773" s="797"/>
      <c r="M773" s="813"/>
      <c r="N773" s="797"/>
      <c r="O773" s="797"/>
    </row>
    <row r="774" spans="3:15">
      <c r="C774" s="789">
        <f>IF(D720="","-",+C773+1)</f>
        <v>2064</v>
      </c>
      <c r="D774" s="737">
        <f t="shared" si="42"/>
        <v>0</v>
      </c>
      <c r="E774" s="790">
        <f t="shared" si="47"/>
        <v>0</v>
      </c>
      <c r="F774" s="737">
        <f t="shared" si="43"/>
        <v>0</v>
      </c>
      <c r="G774" s="795">
        <f t="shared" si="44"/>
        <v>0</v>
      </c>
      <c r="H774" s="796">
        <f t="shared" si="45"/>
        <v>0</v>
      </c>
      <c r="I774" s="793">
        <f t="shared" si="46"/>
        <v>0</v>
      </c>
      <c r="J774" s="793"/>
      <c r="K774" s="813"/>
      <c r="L774" s="797"/>
      <c r="M774" s="813"/>
      <c r="N774" s="797"/>
      <c r="O774" s="797"/>
    </row>
    <row r="775" spans="3:15">
      <c r="C775" s="789">
        <f>IF(D720="","-",+C774+1)</f>
        <v>2065</v>
      </c>
      <c r="D775" s="737">
        <f t="shared" si="42"/>
        <v>0</v>
      </c>
      <c r="E775" s="790">
        <f t="shared" si="47"/>
        <v>0</v>
      </c>
      <c r="F775" s="737">
        <f t="shared" si="43"/>
        <v>0</v>
      </c>
      <c r="G775" s="795">
        <f t="shared" si="44"/>
        <v>0</v>
      </c>
      <c r="H775" s="796">
        <f t="shared" si="45"/>
        <v>0</v>
      </c>
      <c r="I775" s="793">
        <f t="shared" si="46"/>
        <v>0</v>
      </c>
      <c r="J775" s="793"/>
      <c r="K775" s="813"/>
      <c r="L775" s="797"/>
      <c r="M775" s="813"/>
      <c r="N775" s="797"/>
      <c r="O775" s="797"/>
    </row>
    <row r="776" spans="3:15">
      <c r="C776" s="789">
        <f>IF(D720="","-",+C775+1)</f>
        <v>2066</v>
      </c>
      <c r="D776" s="737">
        <f t="shared" si="42"/>
        <v>0</v>
      </c>
      <c r="E776" s="790">
        <f t="shared" si="47"/>
        <v>0</v>
      </c>
      <c r="F776" s="737">
        <f t="shared" si="43"/>
        <v>0</v>
      </c>
      <c r="G776" s="795">
        <f t="shared" si="44"/>
        <v>0</v>
      </c>
      <c r="H776" s="796">
        <f t="shared" si="45"/>
        <v>0</v>
      </c>
      <c r="I776" s="793">
        <f t="shared" si="46"/>
        <v>0</v>
      </c>
      <c r="J776" s="793"/>
      <c r="K776" s="813"/>
      <c r="L776" s="797"/>
      <c r="M776" s="813"/>
      <c r="N776" s="797"/>
      <c r="O776" s="797"/>
    </row>
    <row r="777" spans="3:15">
      <c r="C777" s="789">
        <f>IF(D720="","-",+C776+1)</f>
        <v>2067</v>
      </c>
      <c r="D777" s="737">
        <f t="shared" si="42"/>
        <v>0</v>
      </c>
      <c r="E777" s="790">
        <f t="shared" si="47"/>
        <v>0</v>
      </c>
      <c r="F777" s="737">
        <f t="shared" si="43"/>
        <v>0</v>
      </c>
      <c r="G777" s="795">
        <f t="shared" si="44"/>
        <v>0</v>
      </c>
      <c r="H777" s="796">
        <f t="shared" si="45"/>
        <v>0</v>
      </c>
      <c r="I777" s="793">
        <f t="shared" si="46"/>
        <v>0</v>
      </c>
      <c r="J777" s="793"/>
      <c r="K777" s="813"/>
      <c r="L777" s="797"/>
      <c r="M777" s="813"/>
      <c r="N777" s="797"/>
      <c r="O777" s="797"/>
    </row>
    <row r="778" spans="3:15">
      <c r="C778" s="789">
        <f>IF(D720="","-",+C777+1)</f>
        <v>2068</v>
      </c>
      <c r="D778" s="737">
        <f t="shared" si="42"/>
        <v>0</v>
      </c>
      <c r="E778" s="790">
        <f t="shared" si="47"/>
        <v>0</v>
      </c>
      <c r="F778" s="737">
        <f t="shared" si="43"/>
        <v>0</v>
      </c>
      <c r="G778" s="795">
        <f t="shared" si="44"/>
        <v>0</v>
      </c>
      <c r="H778" s="796">
        <f t="shared" si="45"/>
        <v>0</v>
      </c>
      <c r="I778" s="793">
        <f t="shared" si="46"/>
        <v>0</v>
      </c>
      <c r="J778" s="793"/>
      <c r="K778" s="813"/>
      <c r="L778" s="797"/>
      <c r="M778" s="813"/>
      <c r="N778" s="797"/>
      <c r="O778" s="797"/>
    </row>
    <row r="779" spans="3:15">
      <c r="C779" s="789">
        <f>IF(D720="","-",+C778+1)</f>
        <v>2069</v>
      </c>
      <c r="D779" s="737">
        <f t="shared" si="42"/>
        <v>0</v>
      </c>
      <c r="E779" s="790">
        <f t="shared" si="47"/>
        <v>0</v>
      </c>
      <c r="F779" s="737">
        <f t="shared" si="43"/>
        <v>0</v>
      </c>
      <c r="G779" s="795">
        <f t="shared" si="44"/>
        <v>0</v>
      </c>
      <c r="H779" s="796">
        <f t="shared" si="45"/>
        <v>0</v>
      </c>
      <c r="I779" s="793">
        <f t="shared" si="46"/>
        <v>0</v>
      </c>
      <c r="J779" s="793"/>
      <c r="K779" s="813"/>
      <c r="L779" s="797"/>
      <c r="M779" s="813"/>
      <c r="N779" s="797"/>
      <c r="O779" s="797"/>
    </row>
    <row r="780" spans="3:15">
      <c r="C780" s="789">
        <f>IF(D720="","-",+C779+1)</f>
        <v>2070</v>
      </c>
      <c r="D780" s="737">
        <f t="shared" si="42"/>
        <v>0</v>
      </c>
      <c r="E780" s="790">
        <f t="shared" si="47"/>
        <v>0</v>
      </c>
      <c r="F780" s="737">
        <f t="shared" si="43"/>
        <v>0</v>
      </c>
      <c r="G780" s="795">
        <f t="shared" si="44"/>
        <v>0</v>
      </c>
      <c r="H780" s="796">
        <f t="shared" si="45"/>
        <v>0</v>
      </c>
      <c r="I780" s="793">
        <f t="shared" si="46"/>
        <v>0</v>
      </c>
      <c r="J780" s="793"/>
      <c r="K780" s="813"/>
      <c r="L780" s="797"/>
      <c r="M780" s="813"/>
      <c r="N780" s="797"/>
      <c r="O780" s="797"/>
    </row>
    <row r="781" spans="3:15">
      <c r="C781" s="789">
        <f>IF(D720="","-",+C780+1)</f>
        <v>2071</v>
      </c>
      <c r="D781" s="737">
        <f t="shared" si="42"/>
        <v>0</v>
      </c>
      <c r="E781" s="790">
        <f t="shared" si="47"/>
        <v>0</v>
      </c>
      <c r="F781" s="737">
        <f t="shared" si="43"/>
        <v>0</v>
      </c>
      <c r="G781" s="795">
        <f t="shared" si="44"/>
        <v>0</v>
      </c>
      <c r="H781" s="796">
        <f t="shared" si="45"/>
        <v>0</v>
      </c>
      <c r="I781" s="793">
        <f t="shared" si="46"/>
        <v>0</v>
      </c>
      <c r="J781" s="793"/>
      <c r="K781" s="813"/>
      <c r="L781" s="797"/>
      <c r="M781" s="813"/>
      <c r="N781" s="797"/>
      <c r="O781" s="797"/>
    </row>
    <row r="782" spans="3:15">
      <c r="C782" s="789">
        <f>IF(D720="","-",+C781+1)</f>
        <v>2072</v>
      </c>
      <c r="D782" s="737">
        <f t="shared" si="42"/>
        <v>0</v>
      </c>
      <c r="E782" s="790">
        <f t="shared" si="47"/>
        <v>0</v>
      </c>
      <c r="F782" s="737">
        <f t="shared" si="43"/>
        <v>0</v>
      </c>
      <c r="G782" s="795">
        <f t="shared" si="44"/>
        <v>0</v>
      </c>
      <c r="H782" s="796">
        <f t="shared" si="45"/>
        <v>0</v>
      </c>
      <c r="I782" s="793">
        <f t="shared" si="46"/>
        <v>0</v>
      </c>
      <c r="J782" s="793"/>
      <c r="K782" s="813"/>
      <c r="L782" s="797"/>
      <c r="M782" s="813"/>
      <c r="N782" s="797"/>
      <c r="O782" s="797"/>
    </row>
    <row r="783" spans="3:15">
      <c r="C783" s="789">
        <f>IF(D720="","-",+C782+1)</f>
        <v>2073</v>
      </c>
      <c r="D783" s="737">
        <f t="shared" si="42"/>
        <v>0</v>
      </c>
      <c r="E783" s="790">
        <f t="shared" si="47"/>
        <v>0</v>
      </c>
      <c r="F783" s="737">
        <f t="shared" si="43"/>
        <v>0</v>
      </c>
      <c r="G783" s="795">
        <f t="shared" si="44"/>
        <v>0</v>
      </c>
      <c r="H783" s="796">
        <f t="shared" si="45"/>
        <v>0</v>
      </c>
      <c r="I783" s="793">
        <f t="shared" si="46"/>
        <v>0</v>
      </c>
      <c r="J783" s="793"/>
      <c r="K783" s="813"/>
      <c r="L783" s="797"/>
      <c r="M783" s="813"/>
      <c r="N783" s="797"/>
      <c r="O783" s="797"/>
    </row>
    <row r="784" spans="3:15">
      <c r="C784" s="789">
        <f>IF(D720="","-",+C783+1)</f>
        <v>2074</v>
      </c>
      <c r="D784" s="737">
        <f t="shared" si="42"/>
        <v>0</v>
      </c>
      <c r="E784" s="790">
        <f t="shared" si="47"/>
        <v>0</v>
      </c>
      <c r="F784" s="737">
        <f t="shared" si="43"/>
        <v>0</v>
      </c>
      <c r="G784" s="795">
        <f t="shared" si="44"/>
        <v>0</v>
      </c>
      <c r="H784" s="796">
        <f t="shared" si="45"/>
        <v>0</v>
      </c>
      <c r="I784" s="793">
        <f t="shared" si="46"/>
        <v>0</v>
      </c>
      <c r="J784" s="793"/>
      <c r="K784" s="813"/>
      <c r="L784" s="797"/>
      <c r="M784" s="813"/>
      <c r="N784" s="797"/>
      <c r="O784" s="797"/>
    </row>
    <row r="785" spans="1:16" ht="13.5" thickBot="1">
      <c r="C785" s="799">
        <f>IF(D720="","-",+C784+1)</f>
        <v>2075</v>
      </c>
      <c r="D785" s="800">
        <f t="shared" si="42"/>
        <v>0</v>
      </c>
      <c r="E785" s="801">
        <f t="shared" si="47"/>
        <v>0</v>
      </c>
      <c r="F785" s="800">
        <f t="shared" si="43"/>
        <v>0</v>
      </c>
      <c r="G785" s="802">
        <f t="shared" si="44"/>
        <v>0</v>
      </c>
      <c r="H785" s="802">
        <f t="shared" si="45"/>
        <v>0</v>
      </c>
      <c r="I785" s="803">
        <f t="shared" si="46"/>
        <v>0</v>
      </c>
      <c r="J785" s="793"/>
      <c r="K785" s="814"/>
      <c r="L785" s="804"/>
      <c r="M785" s="814"/>
      <c r="N785" s="804"/>
      <c r="O785" s="804"/>
    </row>
    <row r="786" spans="1:16">
      <c r="C786" s="737" t="s">
        <v>91</v>
      </c>
      <c r="D786" s="731"/>
      <c r="E786" s="731">
        <f>SUM(E726:E785)</f>
        <v>62382766.399999999</v>
      </c>
      <c r="F786" s="731"/>
      <c r="G786" s="731">
        <f>SUM(G726:G785)</f>
        <v>201397472.74945602</v>
      </c>
      <c r="H786" s="731">
        <f>SUM(H726:H785)</f>
        <v>201397472.74945602</v>
      </c>
      <c r="I786" s="731">
        <f>SUM(I726:I785)</f>
        <v>0</v>
      </c>
      <c r="J786" s="731"/>
      <c r="K786" s="731"/>
      <c r="L786" s="731"/>
      <c r="M786" s="731"/>
      <c r="N786" s="731"/>
      <c r="O786" s="314"/>
    </row>
    <row r="787" spans="1:16">
      <c r="D787" s="539"/>
      <c r="E787" s="314"/>
      <c r="F787" s="314"/>
      <c r="G787" s="314"/>
      <c r="H787" s="709"/>
      <c r="I787" s="709"/>
      <c r="J787" s="731"/>
      <c r="K787" s="709"/>
      <c r="L787" s="709"/>
      <c r="M787" s="709"/>
      <c r="N787" s="709"/>
      <c r="O787" s="314"/>
    </row>
    <row r="788" spans="1:16">
      <c r="C788" s="314" t="s">
        <v>13</v>
      </c>
      <c r="D788" s="539"/>
      <c r="E788" s="314"/>
      <c r="F788" s="314"/>
      <c r="G788" s="314"/>
      <c r="H788" s="709"/>
      <c r="I788" s="709"/>
      <c r="J788" s="731"/>
      <c r="K788" s="709"/>
      <c r="L788" s="709"/>
      <c r="M788" s="709"/>
      <c r="N788" s="709"/>
      <c r="O788" s="314"/>
    </row>
    <row r="789" spans="1:16">
      <c r="C789" s="314"/>
      <c r="D789" s="539"/>
      <c r="E789" s="314"/>
      <c r="F789" s="314"/>
      <c r="G789" s="314"/>
      <c r="H789" s="709"/>
      <c r="I789" s="709"/>
      <c r="J789" s="731"/>
      <c r="K789" s="709"/>
      <c r="L789" s="709"/>
      <c r="M789" s="709"/>
      <c r="N789" s="709"/>
      <c r="O789" s="314"/>
    </row>
    <row r="790" spans="1:16">
      <c r="C790" s="750" t="s">
        <v>14</v>
      </c>
      <c r="D790" s="737"/>
      <c r="E790" s="737"/>
      <c r="F790" s="737"/>
      <c r="G790" s="731"/>
      <c r="H790" s="731"/>
      <c r="I790" s="805"/>
      <c r="J790" s="805"/>
      <c r="K790" s="805"/>
      <c r="L790" s="805"/>
      <c r="M790" s="805"/>
      <c r="N790" s="805"/>
      <c r="O790" s="314"/>
    </row>
    <row r="791" spans="1:16">
      <c r="C791" s="736" t="s">
        <v>271</v>
      </c>
      <c r="D791" s="737"/>
      <c r="E791" s="737"/>
      <c r="F791" s="737"/>
      <c r="G791" s="731"/>
      <c r="H791" s="731"/>
      <c r="I791" s="805"/>
      <c r="J791" s="805"/>
      <c r="K791" s="805"/>
      <c r="L791" s="805"/>
      <c r="M791" s="805"/>
      <c r="N791" s="805"/>
      <c r="O791" s="314"/>
    </row>
    <row r="792" spans="1:16">
      <c r="C792" s="736" t="s">
        <v>92</v>
      </c>
      <c r="D792" s="737"/>
      <c r="E792" s="737"/>
      <c r="F792" s="737"/>
      <c r="G792" s="731"/>
      <c r="H792" s="731"/>
      <c r="I792" s="805"/>
      <c r="J792" s="805"/>
      <c r="K792" s="805"/>
      <c r="L792" s="805"/>
      <c r="M792" s="805"/>
      <c r="N792" s="805"/>
      <c r="O792" s="314"/>
    </row>
    <row r="793" spans="1:16">
      <c r="C793" s="736"/>
      <c r="D793" s="737"/>
      <c r="E793" s="737"/>
      <c r="F793" s="737"/>
      <c r="G793" s="731"/>
      <c r="H793" s="731"/>
      <c r="I793" s="805"/>
      <c r="J793" s="805"/>
      <c r="K793" s="805"/>
      <c r="L793" s="805"/>
      <c r="M793" s="805"/>
      <c r="N793" s="805"/>
      <c r="O793" s="314"/>
    </row>
    <row r="794" spans="1:16">
      <c r="C794" s="1491" t="s">
        <v>6</v>
      </c>
      <c r="D794" s="1491"/>
      <c r="E794" s="1491"/>
      <c r="F794" s="1491"/>
      <c r="G794" s="1491"/>
      <c r="H794" s="1491"/>
      <c r="I794" s="1491"/>
      <c r="J794" s="1491"/>
      <c r="K794" s="1491"/>
      <c r="L794" s="1491"/>
      <c r="M794" s="1491"/>
      <c r="N794" s="1491"/>
      <c r="O794" s="1491"/>
    </row>
    <row r="795" spans="1:16">
      <c r="C795" s="1491"/>
      <c r="D795" s="1491"/>
      <c r="E795" s="1491"/>
      <c r="F795" s="1491"/>
      <c r="G795" s="1491"/>
      <c r="H795" s="1491"/>
      <c r="I795" s="1491"/>
      <c r="J795" s="1491"/>
      <c r="K795" s="1491"/>
      <c r="L795" s="1491"/>
      <c r="M795" s="1491"/>
      <c r="N795" s="1491"/>
      <c r="O795" s="1491"/>
    </row>
    <row r="796" spans="1:16" ht="20.25">
      <c r="A796" s="738" t="str">
        <f>""&amp;A720&amp;" Worksheet J -  ATRR PROJECTED Calculation for PJM Projects Charged to Benefiting Zones"</f>
        <v xml:space="preserve"> Worksheet J -  ATRR PROJECTED Calculation for PJM Projects Charged to Benefiting Zones</v>
      </c>
      <c r="B796" s="348"/>
      <c r="C796" s="726"/>
      <c r="D796" s="539"/>
      <c r="E796" s="314"/>
      <c r="F796" s="708"/>
      <c r="G796" s="314"/>
      <c r="H796" s="709"/>
      <c r="K796" s="565"/>
      <c r="L796" s="565"/>
      <c r="M796" s="565"/>
      <c r="N796" s="654" t="str">
        <f>"Page "&amp;SUM(P$8:P796)&amp;" of "</f>
        <v xml:space="preserve">Page 10 of </v>
      </c>
      <c r="O796" s="655">
        <f>COUNT(P$8:P$56656)</f>
        <v>11</v>
      </c>
      <c r="P796" s="173">
        <v>1</v>
      </c>
    </row>
    <row r="797" spans="1:16" ht="20.25">
      <c r="A797" s="738"/>
      <c r="B797" s="348"/>
      <c r="C797" s="726"/>
      <c r="D797" s="539"/>
      <c r="E797" s="314"/>
      <c r="F797" s="708"/>
      <c r="G797" s="314"/>
      <c r="H797" s="709"/>
      <c r="K797" s="565"/>
      <c r="L797" s="565"/>
      <c r="M797" s="565"/>
      <c r="N797" s="654"/>
      <c r="O797" s="655"/>
    </row>
    <row r="798" spans="1:16" ht="18">
      <c r="B798" s="658" t="s">
        <v>474</v>
      </c>
      <c r="C798" s="740" t="s">
        <v>93</v>
      </c>
      <c r="D798" s="539"/>
      <c r="E798" s="314"/>
      <c r="F798" s="314"/>
      <c r="G798" s="314"/>
      <c r="H798" s="709"/>
      <c r="I798" s="709"/>
      <c r="J798" s="731"/>
      <c r="K798" s="709"/>
      <c r="L798" s="709"/>
      <c r="M798" s="709"/>
      <c r="N798" s="709"/>
      <c r="O798" s="314"/>
    </row>
    <row r="799" spans="1:16" ht="18.75">
      <c r="B799" s="658"/>
      <c r="C799" s="657"/>
      <c r="D799" s="539"/>
      <c r="E799" s="314"/>
      <c r="F799" s="314"/>
      <c r="G799" s="314"/>
      <c r="H799" s="709"/>
      <c r="I799" s="709"/>
      <c r="J799" s="731"/>
      <c r="K799" s="709"/>
      <c r="L799" s="709"/>
      <c r="M799" s="709"/>
      <c r="N799" s="709"/>
      <c r="O799" s="314"/>
    </row>
    <row r="800" spans="1:16" ht="18.75">
      <c r="B800" s="658"/>
      <c r="C800" s="657" t="s">
        <v>94</v>
      </c>
      <c r="D800" s="539"/>
      <c r="E800" s="314"/>
      <c r="F800" s="314"/>
      <c r="G800" s="314"/>
      <c r="H800" s="709"/>
      <c r="I800" s="709"/>
      <c r="J800" s="731"/>
      <c r="K800" s="709"/>
      <c r="L800" s="709"/>
      <c r="M800" s="709"/>
      <c r="N800" s="709"/>
      <c r="O800" s="314"/>
    </row>
    <row r="801" spans="2:15" ht="15.75" thickBot="1">
      <c r="C801" s="240"/>
      <c r="D801" s="539"/>
      <c r="E801" s="314"/>
      <c r="F801" s="314"/>
      <c r="G801" s="314"/>
      <c r="H801" s="709"/>
      <c r="I801" s="709"/>
      <c r="J801" s="731"/>
      <c r="K801" s="709"/>
      <c r="L801" s="709"/>
      <c r="M801" s="709"/>
      <c r="N801" s="709"/>
      <c r="O801" s="314"/>
    </row>
    <row r="802" spans="2:15" ht="15.75">
      <c r="C802" s="660" t="s">
        <v>95</v>
      </c>
      <c r="D802" s="539"/>
      <c r="E802" s="314"/>
      <c r="F802" s="314"/>
      <c r="G802" s="807"/>
      <c r="H802" s="314" t="s">
        <v>74</v>
      </c>
      <c r="I802" s="314"/>
      <c r="J802" s="426"/>
      <c r="K802" s="741" t="s">
        <v>99</v>
      </c>
      <c r="L802" s="742"/>
      <c r="M802" s="743"/>
      <c r="N802" s="744">
        <f>IF(I808=0,0,VLOOKUP(I808,C815:O874,5))</f>
        <v>4001666.4118550606</v>
      </c>
      <c r="O802" s="314"/>
    </row>
    <row r="803" spans="2:15" ht="15.75">
      <c r="C803" s="660"/>
      <c r="D803" s="539"/>
      <c r="E803" s="314"/>
      <c r="F803" s="314"/>
      <c r="G803" s="314"/>
      <c r="H803" s="745"/>
      <c r="I803" s="745"/>
      <c r="J803" s="746"/>
      <c r="K803" s="747" t="s">
        <v>100</v>
      </c>
      <c r="L803" s="748"/>
      <c r="M803" s="426"/>
      <c r="N803" s="749">
        <f>IF(I808=0,0,VLOOKUP(I808,C815:O874,6))</f>
        <v>4001666.4118550606</v>
      </c>
      <c r="O803" s="314"/>
    </row>
    <row r="804" spans="2:15" ht="13.5" thickBot="1">
      <c r="C804" s="750" t="s">
        <v>96</v>
      </c>
      <c r="D804" s="1489" t="s">
        <v>830</v>
      </c>
      <c r="E804" s="1489"/>
      <c r="F804" s="1489"/>
      <c r="G804" s="1489"/>
      <c r="H804" s="1489"/>
      <c r="I804" s="1489"/>
      <c r="J804" s="731"/>
      <c r="K804" s="751" t="s">
        <v>238</v>
      </c>
      <c r="L804" s="752"/>
      <c r="M804" s="752"/>
      <c r="N804" s="753">
        <f>+N803-N802</f>
        <v>0</v>
      </c>
      <c r="O804" s="314"/>
    </row>
    <row r="805" spans="2:15">
      <c r="C805" s="754"/>
      <c r="D805" s="1489"/>
      <c r="E805" s="1489"/>
      <c r="F805" s="1489"/>
      <c r="G805" s="1489"/>
      <c r="H805" s="1489"/>
      <c r="I805" s="1489"/>
      <c r="J805" s="731"/>
      <c r="K805" s="709"/>
      <c r="L805" s="709"/>
      <c r="M805" s="709"/>
      <c r="N805" s="709"/>
      <c r="O805" s="314"/>
    </row>
    <row r="806" spans="2:15" ht="13.5" thickBot="1">
      <c r="C806" s="757"/>
      <c r="D806" s="758"/>
      <c r="E806" s="756"/>
      <c r="F806" s="756"/>
      <c r="G806" s="756"/>
      <c r="H806" s="756"/>
      <c r="I806" s="756"/>
      <c r="J806" s="759"/>
      <c r="K806" s="756"/>
      <c r="L806" s="756"/>
      <c r="M806" s="756"/>
      <c r="N806" s="756"/>
      <c r="O806" s="348"/>
    </row>
    <row r="807" spans="2:15" ht="13.5" thickBot="1">
      <c r="C807" s="760" t="s">
        <v>97</v>
      </c>
      <c r="D807" s="761"/>
      <c r="E807" s="761"/>
      <c r="F807" s="761"/>
      <c r="G807" s="761"/>
      <c r="H807" s="761"/>
      <c r="I807" s="762"/>
      <c r="J807" s="763"/>
      <c r="K807" s="314"/>
      <c r="L807" s="314"/>
      <c r="M807" s="314"/>
      <c r="N807" s="314"/>
      <c r="O807" s="764"/>
    </row>
    <row r="808" spans="2:15" ht="15">
      <c r="C808" s="765" t="s">
        <v>75</v>
      </c>
      <c r="D808" s="1317">
        <v>32360309.789999999</v>
      </c>
      <c r="E808" s="726" t="s">
        <v>76</v>
      </c>
      <c r="G808" s="766"/>
      <c r="H808" s="766"/>
      <c r="I808" s="767">
        <f>$L$26</f>
        <v>2021</v>
      </c>
      <c r="J808" s="555"/>
      <c r="K808" s="1490" t="s">
        <v>247</v>
      </c>
      <c r="L808" s="1490"/>
      <c r="M808" s="1490"/>
      <c r="N808" s="1490"/>
      <c r="O808" s="1490"/>
    </row>
    <row r="809" spans="2:15">
      <c r="C809" s="765" t="s">
        <v>78</v>
      </c>
      <c r="D809" s="1318">
        <v>2017</v>
      </c>
      <c r="E809" s="765" t="s">
        <v>79</v>
      </c>
      <c r="F809" s="766"/>
      <c r="H809" s="173"/>
      <c r="I809" s="811">
        <f>IF(G802="",0,$F$17)</f>
        <v>0</v>
      </c>
      <c r="J809" s="768"/>
      <c r="K809" s="731" t="s">
        <v>247</v>
      </c>
    </row>
    <row r="810" spans="2:15">
      <c r="C810" s="765" t="s">
        <v>80</v>
      </c>
      <c r="D810" s="1319">
        <v>8</v>
      </c>
      <c r="E810" s="765" t="s">
        <v>81</v>
      </c>
      <c r="F810" s="766"/>
      <c r="H810" s="173"/>
      <c r="I810" s="769">
        <f>$G$70</f>
        <v>0.10870318164951323</v>
      </c>
      <c r="J810" s="770"/>
      <c r="K810" s="173" t="str">
        <f>"          INPUT PROJECTED ARR (WITH &amp; WITHOUT INCENTIVES) FROM EACH PRIOR YEAR"</f>
        <v xml:space="preserve">          INPUT PROJECTED ARR (WITH &amp; WITHOUT INCENTIVES) FROM EACH PRIOR YEAR</v>
      </c>
    </row>
    <row r="811" spans="2:15">
      <c r="C811" s="765" t="s">
        <v>82</v>
      </c>
      <c r="D811" s="771">
        <f>$G$79</f>
        <v>39</v>
      </c>
      <c r="E811" s="765" t="s">
        <v>83</v>
      </c>
      <c r="F811" s="766"/>
      <c r="H811" s="173"/>
      <c r="I811" s="769">
        <f>IF(G802="",I810,$G$69)</f>
        <v>0.10870318164951323</v>
      </c>
      <c r="J811" s="772"/>
      <c r="K811" s="173" t="s">
        <v>160</v>
      </c>
    </row>
    <row r="812" spans="2:15" ht="13.5" thickBot="1">
      <c r="C812" s="765" t="s">
        <v>84</v>
      </c>
      <c r="D812" s="808" t="s">
        <v>819</v>
      </c>
      <c r="E812" s="773" t="s">
        <v>85</v>
      </c>
      <c r="F812" s="774"/>
      <c r="G812" s="775"/>
      <c r="H812" s="775"/>
      <c r="I812" s="753">
        <f>IF(D808=0,0,D808/D811)</f>
        <v>829751.53307692311</v>
      </c>
      <c r="J812" s="731"/>
      <c r="K812" s="731" t="s">
        <v>166</v>
      </c>
      <c r="L812" s="731"/>
      <c r="M812" s="731"/>
      <c r="N812" s="731"/>
      <c r="O812" s="426"/>
    </row>
    <row r="813" spans="2:15" ht="51">
      <c r="B813" s="846"/>
      <c r="C813" s="776" t="s">
        <v>75</v>
      </c>
      <c r="D813" s="777" t="s">
        <v>86</v>
      </c>
      <c r="E813" s="778" t="s">
        <v>87</v>
      </c>
      <c r="F813" s="777" t="s">
        <v>88</v>
      </c>
      <c r="G813" s="778" t="s">
        <v>159</v>
      </c>
      <c r="H813" s="779" t="s">
        <v>159</v>
      </c>
      <c r="I813" s="776" t="s">
        <v>98</v>
      </c>
      <c r="J813" s="780"/>
      <c r="K813" s="778" t="s">
        <v>168</v>
      </c>
      <c r="L813" s="781"/>
      <c r="M813" s="778" t="s">
        <v>168</v>
      </c>
      <c r="N813" s="781"/>
      <c r="O813" s="781"/>
    </row>
    <row r="814" spans="2:15" ht="13.5" thickBot="1">
      <c r="C814" s="782" t="s">
        <v>477</v>
      </c>
      <c r="D814" s="783" t="s">
        <v>478</v>
      </c>
      <c r="E814" s="782" t="s">
        <v>371</v>
      </c>
      <c r="F814" s="783" t="s">
        <v>478</v>
      </c>
      <c r="G814" s="784" t="s">
        <v>101</v>
      </c>
      <c r="H814" s="785" t="s">
        <v>103</v>
      </c>
      <c r="I814" s="786" t="s">
        <v>15</v>
      </c>
      <c r="J814" s="787"/>
      <c r="K814" s="784" t="s">
        <v>90</v>
      </c>
      <c r="L814" s="788"/>
      <c r="M814" s="784" t="s">
        <v>103</v>
      </c>
      <c r="N814" s="788"/>
      <c r="O814" s="788"/>
    </row>
    <row r="815" spans="2:15">
      <c r="C815" s="789">
        <f>IF(D809= "","-",D809)</f>
        <v>2017</v>
      </c>
      <c r="D815" s="737">
        <f>+D808</f>
        <v>32360309.789999999</v>
      </c>
      <c r="E815" s="790">
        <f>+I812/12*(12-D810)</f>
        <v>276583.84435897437</v>
      </c>
      <c r="F815" s="737">
        <f>+D815-E815</f>
        <v>32083725.945641026</v>
      </c>
      <c r="G815" s="999">
        <f>+$I$96*((D815+F815)/2)+E815</f>
        <v>3779219.7057585288</v>
      </c>
      <c r="H815" s="1000">
        <f>$I$97*((D815+F815)/2)+E815</f>
        <v>3779219.7057585288</v>
      </c>
      <c r="I815" s="793">
        <f>+H815-G815</f>
        <v>0</v>
      </c>
      <c r="J815" s="793"/>
      <c r="K815" s="1320">
        <v>3283917</v>
      </c>
      <c r="L815" s="794"/>
      <c r="M815" s="1320">
        <v>3283917</v>
      </c>
      <c r="N815" s="794"/>
      <c r="O815" s="794"/>
    </row>
    <row r="816" spans="2:15">
      <c r="C816" s="1338">
        <f>IF(D809="","-",+C815+1)</f>
        <v>2018</v>
      </c>
      <c r="D816" s="737">
        <f t="shared" ref="D816:D874" si="48">F815</f>
        <v>32083725.945641026</v>
      </c>
      <c r="E816" s="790">
        <f>IF(D816&gt;$I$812,$I$812,D816)</f>
        <v>829751.53307692311</v>
      </c>
      <c r="F816" s="737">
        <f t="shared" ref="F816:F874" si="49">+D816-E816</f>
        <v>31253974.412564103</v>
      </c>
      <c r="G816" s="795">
        <f t="shared" ref="G816:G874" si="50">+$I$96*((D816+F816)/2)+E816</f>
        <v>4272256.3067271281</v>
      </c>
      <c r="H816" s="796">
        <f t="shared" ref="H816:H874" si="51">$I$97*((D816+F816)/2)+E816</f>
        <v>4272256.3067271281</v>
      </c>
      <c r="I816" s="793">
        <f t="shared" ref="I816:I874" si="52">+H816-G816</f>
        <v>0</v>
      </c>
      <c r="J816" s="793"/>
      <c r="K816" s="1321">
        <v>3670194</v>
      </c>
      <c r="L816" s="797"/>
      <c r="M816" s="1321">
        <v>3670194</v>
      </c>
      <c r="N816" s="797"/>
      <c r="O816" s="797"/>
    </row>
    <row r="817" spans="3:15">
      <c r="C817" s="1338">
        <f>IF(D809="","-",+C816+1)</f>
        <v>2019</v>
      </c>
      <c r="D817" s="737">
        <f t="shared" si="48"/>
        <v>31253974.412564103</v>
      </c>
      <c r="E817" s="790">
        <f t="shared" ref="E817:E874" si="53">IF(D817&gt;$I$812,$I$812,D817)</f>
        <v>829751.53307692311</v>
      </c>
      <c r="F817" s="737">
        <f t="shared" si="49"/>
        <v>30424222.879487179</v>
      </c>
      <c r="G817" s="795">
        <f t="shared" si="50"/>
        <v>4182059.6751031065</v>
      </c>
      <c r="H817" s="796">
        <f t="shared" si="51"/>
        <v>4182059.6751031065</v>
      </c>
      <c r="I817" s="793">
        <f t="shared" si="52"/>
        <v>0</v>
      </c>
      <c r="J817" s="793"/>
      <c r="K817" s="1321">
        <v>3932146.8343561077</v>
      </c>
      <c r="L817" s="797"/>
      <c r="M817" s="1321">
        <v>3932146.8343561077</v>
      </c>
      <c r="N817" s="797"/>
      <c r="O817" s="797"/>
    </row>
    <row r="818" spans="3:15">
      <c r="C818" s="1338">
        <f>IF(D809="","-",+C817+1)</f>
        <v>2020</v>
      </c>
      <c r="D818" s="737">
        <f t="shared" si="48"/>
        <v>30424222.879487179</v>
      </c>
      <c r="E818" s="790">
        <f t="shared" si="53"/>
        <v>829751.53307692311</v>
      </c>
      <c r="F818" s="737">
        <f t="shared" si="49"/>
        <v>29594471.346410256</v>
      </c>
      <c r="G818" s="795">
        <f t="shared" si="50"/>
        <v>4091863.0434790831</v>
      </c>
      <c r="H818" s="796">
        <f t="shared" si="51"/>
        <v>4091863.0434790831</v>
      </c>
      <c r="I818" s="793">
        <f t="shared" si="52"/>
        <v>0</v>
      </c>
      <c r="J818" s="793"/>
      <c r="K818" s="1321">
        <v>4014940.5433018482</v>
      </c>
      <c r="L818" s="797"/>
      <c r="M818" s="1321">
        <v>4014940.5433018482</v>
      </c>
      <c r="N818" s="797"/>
      <c r="O818" s="797"/>
    </row>
    <row r="819" spans="3:15">
      <c r="C819" s="1315">
        <f>IF(D809="","-",+C818+1)</f>
        <v>2021</v>
      </c>
      <c r="D819" s="737">
        <f t="shared" si="48"/>
        <v>29594471.346410256</v>
      </c>
      <c r="E819" s="790">
        <f t="shared" si="53"/>
        <v>829751.53307692311</v>
      </c>
      <c r="F819" s="737">
        <f t="shared" si="49"/>
        <v>28764719.813333333</v>
      </c>
      <c r="G819" s="795">
        <f t="shared" si="50"/>
        <v>4001666.4118550606</v>
      </c>
      <c r="H819" s="796">
        <f t="shared" si="51"/>
        <v>4001666.4118550606</v>
      </c>
      <c r="I819" s="793">
        <f t="shared" si="52"/>
        <v>0</v>
      </c>
      <c r="J819" s="793"/>
      <c r="K819" s="1321"/>
      <c r="L819" s="797"/>
      <c r="M819" s="1321"/>
      <c r="N819" s="797"/>
      <c r="O819" s="797"/>
    </row>
    <row r="820" spans="3:15">
      <c r="C820" s="1316">
        <f>IF(D809="","-",+C819+1)</f>
        <v>2022</v>
      </c>
      <c r="D820" s="737">
        <f t="shared" si="48"/>
        <v>28764719.813333333</v>
      </c>
      <c r="E820" s="790">
        <f t="shared" si="53"/>
        <v>829751.53307692311</v>
      </c>
      <c r="F820" s="737">
        <f t="shared" si="49"/>
        <v>27934968.280256409</v>
      </c>
      <c r="G820" s="795">
        <f t="shared" si="50"/>
        <v>3911469.7802310372</v>
      </c>
      <c r="H820" s="796">
        <f t="shared" si="51"/>
        <v>3911469.7802310372</v>
      </c>
      <c r="I820" s="793">
        <f t="shared" si="52"/>
        <v>0</v>
      </c>
      <c r="J820" s="793"/>
      <c r="K820" s="1321"/>
      <c r="L820" s="797"/>
      <c r="M820" s="1321"/>
      <c r="N820" s="797"/>
      <c r="O820" s="797"/>
    </row>
    <row r="821" spans="3:15">
      <c r="C821" s="789">
        <f>IF(D809="","-",+C820+1)</f>
        <v>2023</v>
      </c>
      <c r="D821" s="737">
        <f t="shared" si="48"/>
        <v>27934968.280256409</v>
      </c>
      <c r="E821" s="790">
        <f t="shared" si="53"/>
        <v>829751.53307692311</v>
      </c>
      <c r="F821" s="737">
        <f t="shared" si="49"/>
        <v>27105216.747179486</v>
      </c>
      <c r="G821" s="795">
        <f t="shared" si="50"/>
        <v>3821273.1486070147</v>
      </c>
      <c r="H821" s="796">
        <f t="shared" si="51"/>
        <v>3821273.1486070147</v>
      </c>
      <c r="I821" s="793">
        <f t="shared" si="52"/>
        <v>0</v>
      </c>
      <c r="J821" s="793"/>
      <c r="K821" s="1321"/>
      <c r="L821" s="797"/>
      <c r="M821" s="1321"/>
      <c r="N821" s="797"/>
      <c r="O821" s="797"/>
    </row>
    <row r="822" spans="3:15">
      <c r="C822" s="789">
        <f>IF(D809="","-",+C821+1)</f>
        <v>2024</v>
      </c>
      <c r="D822" s="737">
        <f t="shared" si="48"/>
        <v>27105216.747179486</v>
      </c>
      <c r="E822" s="790">
        <f t="shared" si="53"/>
        <v>829751.53307692311</v>
      </c>
      <c r="F822" s="737">
        <f t="shared" si="49"/>
        <v>26275465.214102563</v>
      </c>
      <c r="G822" s="795">
        <f t="shared" si="50"/>
        <v>3731076.5169829912</v>
      </c>
      <c r="H822" s="796">
        <f t="shared" si="51"/>
        <v>3731076.5169829912</v>
      </c>
      <c r="I822" s="793">
        <f t="shared" si="52"/>
        <v>0</v>
      </c>
      <c r="J822" s="793"/>
      <c r="K822" s="1321"/>
      <c r="L822" s="797"/>
      <c r="M822" s="1321"/>
      <c r="N822" s="797"/>
      <c r="O822" s="797"/>
    </row>
    <row r="823" spans="3:15">
      <c r="C823" s="789">
        <f>IF(D809="","-",+C822+1)</f>
        <v>2025</v>
      </c>
      <c r="D823" s="737">
        <f t="shared" si="48"/>
        <v>26275465.214102563</v>
      </c>
      <c r="E823" s="790">
        <f t="shared" si="53"/>
        <v>829751.53307692311</v>
      </c>
      <c r="F823" s="737">
        <f t="shared" si="49"/>
        <v>25445713.681025639</v>
      </c>
      <c r="G823" s="795">
        <f t="shared" si="50"/>
        <v>3640879.8853589687</v>
      </c>
      <c r="H823" s="796">
        <f t="shared" si="51"/>
        <v>3640879.8853589687</v>
      </c>
      <c r="I823" s="793">
        <f t="shared" si="52"/>
        <v>0</v>
      </c>
      <c r="J823" s="793"/>
      <c r="K823" s="1321"/>
      <c r="L823" s="797"/>
      <c r="M823" s="1321"/>
      <c r="N823" s="797"/>
      <c r="O823" s="797"/>
    </row>
    <row r="824" spans="3:15">
      <c r="C824" s="789">
        <f>IF(D809="","-",+C823+1)</f>
        <v>2026</v>
      </c>
      <c r="D824" s="737">
        <f t="shared" si="48"/>
        <v>25445713.681025639</v>
      </c>
      <c r="E824" s="790">
        <f t="shared" si="53"/>
        <v>829751.53307692311</v>
      </c>
      <c r="F824" s="737">
        <f t="shared" si="49"/>
        <v>24615962.147948716</v>
      </c>
      <c r="G824" s="795">
        <f t="shared" si="50"/>
        <v>3550683.2537349453</v>
      </c>
      <c r="H824" s="796">
        <f t="shared" si="51"/>
        <v>3550683.2537349453</v>
      </c>
      <c r="I824" s="793">
        <f t="shared" si="52"/>
        <v>0</v>
      </c>
      <c r="J824" s="793"/>
      <c r="K824" s="1321"/>
      <c r="L824" s="797"/>
      <c r="M824" s="1321"/>
      <c r="N824" s="797"/>
      <c r="O824" s="797"/>
    </row>
    <row r="825" spans="3:15">
      <c r="C825" s="789">
        <f>IF(D809="","-",+C824+1)</f>
        <v>2027</v>
      </c>
      <c r="D825" s="737">
        <f t="shared" si="48"/>
        <v>24615962.147948716</v>
      </c>
      <c r="E825" s="790">
        <f t="shared" si="53"/>
        <v>829751.53307692311</v>
      </c>
      <c r="F825" s="737">
        <f t="shared" si="49"/>
        <v>23786210.614871792</v>
      </c>
      <c r="G825" s="795">
        <f t="shared" si="50"/>
        <v>3460486.6221109228</v>
      </c>
      <c r="H825" s="796">
        <f t="shared" si="51"/>
        <v>3460486.6221109228</v>
      </c>
      <c r="I825" s="793">
        <f t="shared" si="52"/>
        <v>0</v>
      </c>
      <c r="J825" s="793"/>
      <c r="K825" s="1321"/>
      <c r="L825" s="797"/>
      <c r="M825" s="1321"/>
      <c r="N825" s="797"/>
      <c r="O825" s="797"/>
    </row>
    <row r="826" spans="3:15">
      <c r="C826" s="789">
        <f>IF(D809="","-",+C825+1)</f>
        <v>2028</v>
      </c>
      <c r="D826" s="737">
        <f t="shared" si="48"/>
        <v>23786210.614871792</v>
      </c>
      <c r="E826" s="790">
        <f t="shared" si="53"/>
        <v>829751.53307692311</v>
      </c>
      <c r="F826" s="737">
        <f t="shared" si="49"/>
        <v>22956459.081794869</v>
      </c>
      <c r="G826" s="795">
        <f t="shared" si="50"/>
        <v>3370289.9904868994</v>
      </c>
      <c r="H826" s="796">
        <f t="shared" si="51"/>
        <v>3370289.9904868994</v>
      </c>
      <c r="I826" s="793">
        <f t="shared" si="52"/>
        <v>0</v>
      </c>
      <c r="J826" s="793"/>
      <c r="K826" s="1321"/>
      <c r="L826" s="797"/>
      <c r="M826" s="1321"/>
      <c r="N826" s="797"/>
      <c r="O826" s="797"/>
    </row>
    <row r="827" spans="3:15">
      <c r="C827" s="789">
        <f>IF(D809="","-",+C826+1)</f>
        <v>2029</v>
      </c>
      <c r="D827" s="737">
        <f t="shared" si="48"/>
        <v>22956459.081794869</v>
      </c>
      <c r="E827" s="790">
        <f t="shared" si="53"/>
        <v>829751.53307692311</v>
      </c>
      <c r="F827" s="737">
        <f t="shared" si="49"/>
        <v>22126707.548717946</v>
      </c>
      <c r="G827" s="795">
        <f t="shared" si="50"/>
        <v>3280093.3588628769</v>
      </c>
      <c r="H827" s="796">
        <f t="shared" si="51"/>
        <v>3280093.3588628769</v>
      </c>
      <c r="I827" s="793">
        <f t="shared" si="52"/>
        <v>0</v>
      </c>
      <c r="J827" s="793"/>
      <c r="K827" s="1321"/>
      <c r="L827" s="797"/>
      <c r="M827" s="1321"/>
      <c r="N827" s="798"/>
      <c r="O827" s="797"/>
    </row>
    <row r="828" spans="3:15">
      <c r="C828" s="789">
        <f>IF(D809="","-",+C827+1)</f>
        <v>2030</v>
      </c>
      <c r="D828" s="737">
        <f t="shared" si="48"/>
        <v>22126707.548717946</v>
      </c>
      <c r="E828" s="790">
        <f t="shared" si="53"/>
        <v>829751.53307692311</v>
      </c>
      <c r="F828" s="737">
        <f t="shared" si="49"/>
        <v>21296956.015641022</v>
      </c>
      <c r="G828" s="795">
        <f t="shared" si="50"/>
        <v>3189896.7272388544</v>
      </c>
      <c r="H828" s="796">
        <f t="shared" si="51"/>
        <v>3189896.7272388544</v>
      </c>
      <c r="I828" s="793">
        <f t="shared" si="52"/>
        <v>0</v>
      </c>
      <c r="J828" s="793"/>
      <c r="K828" s="1321"/>
      <c r="L828" s="797"/>
      <c r="M828" s="1321"/>
      <c r="N828" s="797"/>
      <c r="O828" s="797"/>
    </row>
    <row r="829" spans="3:15">
      <c r="C829" s="789">
        <f>IF(D809="","-",+C828+1)</f>
        <v>2031</v>
      </c>
      <c r="D829" s="737">
        <f t="shared" si="48"/>
        <v>21296956.015641022</v>
      </c>
      <c r="E829" s="790">
        <f t="shared" si="53"/>
        <v>829751.53307692311</v>
      </c>
      <c r="F829" s="737">
        <f t="shared" si="49"/>
        <v>20467204.482564099</v>
      </c>
      <c r="G829" s="795">
        <f t="shared" si="50"/>
        <v>3099700.0956148319</v>
      </c>
      <c r="H829" s="796">
        <f t="shared" si="51"/>
        <v>3099700.0956148319</v>
      </c>
      <c r="I829" s="793">
        <f t="shared" si="52"/>
        <v>0</v>
      </c>
      <c r="J829" s="793"/>
      <c r="K829" s="1321"/>
      <c r="L829" s="797"/>
      <c r="M829" s="1321"/>
      <c r="N829" s="797"/>
      <c r="O829" s="797"/>
    </row>
    <row r="830" spans="3:15">
      <c r="C830" s="789">
        <f>IF(D809="","-",+C829+1)</f>
        <v>2032</v>
      </c>
      <c r="D830" s="737">
        <f t="shared" si="48"/>
        <v>20467204.482564099</v>
      </c>
      <c r="E830" s="790">
        <f t="shared" si="53"/>
        <v>829751.53307692311</v>
      </c>
      <c r="F830" s="737">
        <f t="shared" si="49"/>
        <v>19637452.949487176</v>
      </c>
      <c r="G830" s="795">
        <f t="shared" si="50"/>
        <v>3009503.4639908085</v>
      </c>
      <c r="H830" s="796">
        <f t="shared" si="51"/>
        <v>3009503.4639908085</v>
      </c>
      <c r="I830" s="793">
        <f t="shared" si="52"/>
        <v>0</v>
      </c>
      <c r="J830" s="793"/>
      <c r="K830" s="1321"/>
      <c r="L830" s="797"/>
      <c r="M830" s="1321"/>
      <c r="N830" s="797"/>
      <c r="O830" s="797"/>
    </row>
    <row r="831" spans="3:15">
      <c r="C831" s="789">
        <f>IF(D809="","-",+C830+1)</f>
        <v>2033</v>
      </c>
      <c r="D831" s="737">
        <f t="shared" si="48"/>
        <v>19637452.949487176</v>
      </c>
      <c r="E831" s="790">
        <f t="shared" si="53"/>
        <v>829751.53307692311</v>
      </c>
      <c r="F831" s="737">
        <f t="shared" si="49"/>
        <v>18807701.416410252</v>
      </c>
      <c r="G831" s="795">
        <f t="shared" si="50"/>
        <v>2919306.832366786</v>
      </c>
      <c r="H831" s="796">
        <f t="shared" si="51"/>
        <v>2919306.832366786</v>
      </c>
      <c r="I831" s="793">
        <f t="shared" si="52"/>
        <v>0</v>
      </c>
      <c r="J831" s="793"/>
      <c r="K831" s="1321"/>
      <c r="L831" s="797"/>
      <c r="M831" s="1321"/>
      <c r="N831" s="797"/>
      <c r="O831" s="797"/>
    </row>
    <row r="832" spans="3:15">
      <c r="C832" s="789">
        <f>IF(D809="","-",+C831+1)</f>
        <v>2034</v>
      </c>
      <c r="D832" s="737">
        <f t="shared" si="48"/>
        <v>18807701.416410252</v>
      </c>
      <c r="E832" s="790">
        <f t="shared" si="53"/>
        <v>829751.53307692311</v>
      </c>
      <c r="F832" s="737">
        <f t="shared" si="49"/>
        <v>17977949.883333329</v>
      </c>
      <c r="G832" s="795">
        <f t="shared" si="50"/>
        <v>2829110.2007427625</v>
      </c>
      <c r="H832" s="796">
        <f t="shared" si="51"/>
        <v>2829110.2007427625</v>
      </c>
      <c r="I832" s="793">
        <f t="shared" si="52"/>
        <v>0</v>
      </c>
      <c r="J832" s="793"/>
      <c r="K832" s="1321"/>
      <c r="L832" s="797"/>
      <c r="M832" s="1321"/>
      <c r="N832" s="797"/>
      <c r="O832" s="797"/>
    </row>
    <row r="833" spans="3:15">
      <c r="C833" s="789">
        <f>IF(D809="","-",+C832+1)</f>
        <v>2035</v>
      </c>
      <c r="D833" s="737">
        <f t="shared" si="48"/>
        <v>17977949.883333329</v>
      </c>
      <c r="E833" s="790">
        <f t="shared" si="53"/>
        <v>829751.53307692311</v>
      </c>
      <c r="F833" s="737">
        <f t="shared" si="49"/>
        <v>17148198.350256406</v>
      </c>
      <c r="G833" s="795">
        <f t="shared" si="50"/>
        <v>2738913.56911874</v>
      </c>
      <c r="H833" s="796">
        <f t="shared" si="51"/>
        <v>2738913.56911874</v>
      </c>
      <c r="I833" s="793">
        <f t="shared" si="52"/>
        <v>0</v>
      </c>
      <c r="J833" s="793"/>
      <c r="K833" s="1321"/>
      <c r="L833" s="797"/>
      <c r="M833" s="1321"/>
      <c r="N833" s="797"/>
      <c r="O833" s="797"/>
    </row>
    <row r="834" spans="3:15">
      <c r="C834" s="789">
        <f>IF(D809="","-",+C833+1)</f>
        <v>2036</v>
      </c>
      <c r="D834" s="737">
        <f t="shared" si="48"/>
        <v>17148198.350256406</v>
      </c>
      <c r="E834" s="790">
        <f t="shared" si="53"/>
        <v>829751.53307692311</v>
      </c>
      <c r="F834" s="737">
        <f t="shared" si="49"/>
        <v>16318446.817179482</v>
      </c>
      <c r="G834" s="795">
        <f t="shared" si="50"/>
        <v>2648716.9374947166</v>
      </c>
      <c r="H834" s="796">
        <f t="shared" si="51"/>
        <v>2648716.9374947166</v>
      </c>
      <c r="I834" s="793">
        <f t="shared" si="52"/>
        <v>0</v>
      </c>
      <c r="J834" s="793"/>
      <c r="K834" s="1321"/>
      <c r="L834" s="797"/>
      <c r="M834" s="1321"/>
      <c r="N834" s="797"/>
      <c r="O834" s="797"/>
    </row>
    <row r="835" spans="3:15">
      <c r="C835" s="789">
        <f>IF(D809="","-",+C834+1)</f>
        <v>2037</v>
      </c>
      <c r="D835" s="737">
        <f t="shared" si="48"/>
        <v>16318446.817179482</v>
      </c>
      <c r="E835" s="790">
        <f t="shared" si="53"/>
        <v>829751.53307692311</v>
      </c>
      <c r="F835" s="737">
        <f t="shared" si="49"/>
        <v>15488695.284102559</v>
      </c>
      <c r="G835" s="795">
        <f t="shared" si="50"/>
        <v>2558520.3058706941</v>
      </c>
      <c r="H835" s="796">
        <f t="shared" si="51"/>
        <v>2558520.3058706941</v>
      </c>
      <c r="I835" s="793">
        <f t="shared" si="52"/>
        <v>0</v>
      </c>
      <c r="J835" s="793"/>
      <c r="K835" s="1321"/>
      <c r="L835" s="797"/>
      <c r="M835" s="1321"/>
      <c r="N835" s="797"/>
      <c r="O835" s="797"/>
    </row>
    <row r="836" spans="3:15">
      <c r="C836" s="789">
        <f>IF(D809="","-",+C835+1)</f>
        <v>2038</v>
      </c>
      <c r="D836" s="737">
        <f t="shared" si="48"/>
        <v>15488695.284102559</v>
      </c>
      <c r="E836" s="790">
        <f t="shared" si="53"/>
        <v>829751.53307692311</v>
      </c>
      <c r="F836" s="737">
        <f t="shared" si="49"/>
        <v>14658943.751025636</v>
      </c>
      <c r="G836" s="795">
        <f t="shared" si="50"/>
        <v>2468323.6742466711</v>
      </c>
      <c r="H836" s="796">
        <f t="shared" si="51"/>
        <v>2468323.6742466711</v>
      </c>
      <c r="I836" s="793">
        <f t="shared" si="52"/>
        <v>0</v>
      </c>
      <c r="J836" s="793"/>
      <c r="K836" s="1321"/>
      <c r="L836" s="797"/>
      <c r="M836" s="1321"/>
      <c r="N836" s="797"/>
      <c r="O836" s="797"/>
    </row>
    <row r="837" spans="3:15">
      <c r="C837" s="789">
        <f>IF(D809="","-",+C836+1)</f>
        <v>2039</v>
      </c>
      <c r="D837" s="737">
        <f t="shared" si="48"/>
        <v>14658943.751025636</v>
      </c>
      <c r="E837" s="790">
        <f t="shared" si="53"/>
        <v>829751.53307692311</v>
      </c>
      <c r="F837" s="737">
        <f t="shared" si="49"/>
        <v>13829192.217948712</v>
      </c>
      <c r="G837" s="795">
        <f t="shared" si="50"/>
        <v>2378127.0426226482</v>
      </c>
      <c r="H837" s="796">
        <f t="shared" si="51"/>
        <v>2378127.0426226482</v>
      </c>
      <c r="I837" s="793">
        <f t="shared" si="52"/>
        <v>0</v>
      </c>
      <c r="J837" s="793"/>
      <c r="K837" s="1321"/>
      <c r="L837" s="797"/>
      <c r="M837" s="1321"/>
      <c r="N837" s="797"/>
      <c r="O837" s="797"/>
    </row>
    <row r="838" spans="3:15">
      <c r="C838" s="789">
        <f>IF(D809="","-",+C837+1)</f>
        <v>2040</v>
      </c>
      <c r="D838" s="737">
        <f t="shared" si="48"/>
        <v>13829192.217948712</v>
      </c>
      <c r="E838" s="790">
        <f t="shared" si="53"/>
        <v>829751.53307692311</v>
      </c>
      <c r="F838" s="737">
        <f t="shared" si="49"/>
        <v>12999440.684871789</v>
      </c>
      <c r="G838" s="795">
        <f t="shared" si="50"/>
        <v>2287930.4109986252</v>
      </c>
      <c r="H838" s="796">
        <f t="shared" si="51"/>
        <v>2287930.4109986252</v>
      </c>
      <c r="I838" s="793">
        <f t="shared" si="52"/>
        <v>0</v>
      </c>
      <c r="J838" s="793"/>
      <c r="K838" s="1321"/>
      <c r="L838" s="797"/>
      <c r="M838" s="1321"/>
      <c r="N838" s="797"/>
      <c r="O838" s="797"/>
    </row>
    <row r="839" spans="3:15">
      <c r="C839" s="789">
        <f>IF(D809="","-",+C838+1)</f>
        <v>2041</v>
      </c>
      <c r="D839" s="737">
        <f t="shared" si="48"/>
        <v>12999440.684871789</v>
      </c>
      <c r="E839" s="790">
        <f t="shared" si="53"/>
        <v>829751.53307692311</v>
      </c>
      <c r="F839" s="737">
        <f t="shared" si="49"/>
        <v>12169689.151794866</v>
      </c>
      <c r="G839" s="795">
        <f t="shared" si="50"/>
        <v>2197733.7793746023</v>
      </c>
      <c r="H839" s="796">
        <f t="shared" si="51"/>
        <v>2197733.7793746023</v>
      </c>
      <c r="I839" s="793">
        <f t="shared" si="52"/>
        <v>0</v>
      </c>
      <c r="J839" s="793"/>
      <c r="K839" s="1321"/>
      <c r="L839" s="797"/>
      <c r="M839" s="1321"/>
      <c r="N839" s="797"/>
      <c r="O839" s="797"/>
    </row>
    <row r="840" spans="3:15">
      <c r="C840" s="789">
        <f>IF(D809="","-",+C839+1)</f>
        <v>2042</v>
      </c>
      <c r="D840" s="737">
        <f t="shared" si="48"/>
        <v>12169689.151794866</v>
      </c>
      <c r="E840" s="790">
        <f t="shared" si="53"/>
        <v>829751.53307692311</v>
      </c>
      <c r="F840" s="737">
        <f t="shared" si="49"/>
        <v>11339937.618717942</v>
      </c>
      <c r="G840" s="795">
        <f t="shared" si="50"/>
        <v>2107537.1477505798</v>
      </c>
      <c r="H840" s="796">
        <f t="shared" si="51"/>
        <v>2107537.1477505798</v>
      </c>
      <c r="I840" s="793">
        <f t="shared" si="52"/>
        <v>0</v>
      </c>
      <c r="J840" s="793"/>
      <c r="K840" s="1321"/>
      <c r="L840" s="797"/>
      <c r="M840" s="1321"/>
      <c r="N840" s="797"/>
      <c r="O840" s="797"/>
    </row>
    <row r="841" spans="3:15">
      <c r="C841" s="789">
        <f>IF(D809="","-",+C840+1)</f>
        <v>2043</v>
      </c>
      <c r="D841" s="737">
        <f t="shared" si="48"/>
        <v>11339937.618717942</v>
      </c>
      <c r="E841" s="790">
        <f t="shared" si="53"/>
        <v>829751.53307692311</v>
      </c>
      <c r="F841" s="737">
        <f t="shared" si="49"/>
        <v>10510186.085641019</v>
      </c>
      <c r="G841" s="795">
        <f t="shared" si="50"/>
        <v>2017340.5161265566</v>
      </c>
      <c r="H841" s="796">
        <f t="shared" si="51"/>
        <v>2017340.5161265566</v>
      </c>
      <c r="I841" s="793">
        <f t="shared" si="52"/>
        <v>0</v>
      </c>
      <c r="J841" s="793"/>
      <c r="K841" s="1321"/>
      <c r="L841" s="797"/>
      <c r="M841" s="1321"/>
      <c r="N841" s="797"/>
      <c r="O841" s="797"/>
    </row>
    <row r="842" spans="3:15">
      <c r="C842" s="789">
        <f>IF(D809="","-",+C841+1)</f>
        <v>2044</v>
      </c>
      <c r="D842" s="737">
        <f t="shared" si="48"/>
        <v>10510186.085641019</v>
      </c>
      <c r="E842" s="790">
        <f t="shared" si="53"/>
        <v>829751.53307692311</v>
      </c>
      <c r="F842" s="737">
        <f t="shared" si="49"/>
        <v>9680434.5525640957</v>
      </c>
      <c r="G842" s="795">
        <f t="shared" si="50"/>
        <v>1927143.8845025338</v>
      </c>
      <c r="H842" s="796">
        <f t="shared" si="51"/>
        <v>1927143.8845025338</v>
      </c>
      <c r="I842" s="793">
        <f t="shared" si="52"/>
        <v>0</v>
      </c>
      <c r="J842" s="793"/>
      <c r="K842" s="1321"/>
      <c r="L842" s="797"/>
      <c r="M842" s="1321"/>
      <c r="N842" s="797"/>
      <c r="O842" s="797"/>
    </row>
    <row r="843" spans="3:15">
      <c r="C843" s="789">
        <f>IF(D809="","-",+C842+1)</f>
        <v>2045</v>
      </c>
      <c r="D843" s="737">
        <f t="shared" si="48"/>
        <v>9680434.5525640957</v>
      </c>
      <c r="E843" s="790">
        <f t="shared" si="53"/>
        <v>829751.53307692311</v>
      </c>
      <c r="F843" s="737">
        <f t="shared" si="49"/>
        <v>8850683.0194871724</v>
      </c>
      <c r="G843" s="791">
        <f t="shared" si="50"/>
        <v>1836947.2528785109</v>
      </c>
      <c r="H843" s="796">
        <f t="shared" si="51"/>
        <v>1836947.2528785109</v>
      </c>
      <c r="I843" s="793">
        <f t="shared" si="52"/>
        <v>0</v>
      </c>
      <c r="J843" s="793"/>
      <c r="K843" s="1321"/>
      <c r="L843" s="797"/>
      <c r="M843" s="1321"/>
      <c r="N843" s="797"/>
      <c r="O843" s="797"/>
    </row>
    <row r="844" spans="3:15">
      <c r="C844" s="789">
        <f>IF(D809="","-",+C843+1)</f>
        <v>2046</v>
      </c>
      <c r="D844" s="737">
        <f t="shared" si="48"/>
        <v>8850683.0194871724</v>
      </c>
      <c r="E844" s="790">
        <f t="shared" si="53"/>
        <v>829751.53307692311</v>
      </c>
      <c r="F844" s="737">
        <f t="shared" si="49"/>
        <v>8020931.486410249</v>
      </c>
      <c r="G844" s="795">
        <f t="shared" si="50"/>
        <v>1746750.6212544879</v>
      </c>
      <c r="H844" s="796">
        <f t="shared" si="51"/>
        <v>1746750.6212544879</v>
      </c>
      <c r="I844" s="793">
        <f t="shared" si="52"/>
        <v>0</v>
      </c>
      <c r="J844" s="793"/>
      <c r="K844" s="1321"/>
      <c r="L844" s="797"/>
      <c r="M844" s="1321"/>
      <c r="N844" s="797"/>
      <c r="O844" s="797"/>
    </row>
    <row r="845" spans="3:15">
      <c r="C845" s="789">
        <f>IF(D809="","-",+C844+1)</f>
        <v>2047</v>
      </c>
      <c r="D845" s="737">
        <f t="shared" si="48"/>
        <v>8020931.486410249</v>
      </c>
      <c r="E845" s="790">
        <f t="shared" si="53"/>
        <v>829751.53307692311</v>
      </c>
      <c r="F845" s="737">
        <f t="shared" si="49"/>
        <v>7191179.9533333257</v>
      </c>
      <c r="G845" s="795">
        <f t="shared" si="50"/>
        <v>1656553.9896304652</v>
      </c>
      <c r="H845" s="796">
        <f t="shared" si="51"/>
        <v>1656553.9896304652</v>
      </c>
      <c r="I845" s="793">
        <f t="shared" si="52"/>
        <v>0</v>
      </c>
      <c r="J845" s="793"/>
      <c r="K845" s="1321"/>
      <c r="L845" s="797"/>
      <c r="M845" s="1321"/>
      <c r="N845" s="797"/>
      <c r="O845" s="797"/>
    </row>
    <row r="846" spans="3:15">
      <c r="C846" s="789">
        <f>IF(D809="","-",+C845+1)</f>
        <v>2048</v>
      </c>
      <c r="D846" s="737">
        <f t="shared" si="48"/>
        <v>7191179.9533333257</v>
      </c>
      <c r="E846" s="790">
        <f t="shared" si="53"/>
        <v>829751.53307692311</v>
      </c>
      <c r="F846" s="737">
        <f t="shared" si="49"/>
        <v>6361428.4202564023</v>
      </c>
      <c r="G846" s="795">
        <f t="shared" si="50"/>
        <v>1566357.3580064422</v>
      </c>
      <c r="H846" s="796">
        <f t="shared" si="51"/>
        <v>1566357.3580064422</v>
      </c>
      <c r="I846" s="793">
        <f t="shared" si="52"/>
        <v>0</v>
      </c>
      <c r="J846" s="793"/>
      <c r="K846" s="1321"/>
      <c r="L846" s="797"/>
      <c r="M846" s="1321"/>
      <c r="N846" s="797"/>
      <c r="O846" s="797"/>
    </row>
    <row r="847" spans="3:15">
      <c r="C847" s="789">
        <f>IF(D809="","-",+C846+1)</f>
        <v>2049</v>
      </c>
      <c r="D847" s="737">
        <f t="shared" si="48"/>
        <v>6361428.4202564023</v>
      </c>
      <c r="E847" s="790">
        <f t="shared" si="53"/>
        <v>829751.53307692311</v>
      </c>
      <c r="F847" s="737">
        <f t="shared" si="49"/>
        <v>5531676.887179479</v>
      </c>
      <c r="G847" s="795">
        <f t="shared" si="50"/>
        <v>1476160.7263824195</v>
      </c>
      <c r="H847" s="796">
        <f t="shared" si="51"/>
        <v>1476160.7263824195</v>
      </c>
      <c r="I847" s="793">
        <f t="shared" si="52"/>
        <v>0</v>
      </c>
      <c r="J847" s="793"/>
      <c r="K847" s="1321"/>
      <c r="L847" s="797"/>
      <c r="M847" s="1321"/>
      <c r="N847" s="797"/>
      <c r="O847" s="797"/>
    </row>
    <row r="848" spans="3:15">
      <c r="C848" s="789">
        <f>IF(D809="","-",+C847+1)</f>
        <v>2050</v>
      </c>
      <c r="D848" s="737">
        <f t="shared" si="48"/>
        <v>5531676.887179479</v>
      </c>
      <c r="E848" s="790">
        <f t="shared" si="53"/>
        <v>829751.53307692311</v>
      </c>
      <c r="F848" s="737">
        <f t="shared" si="49"/>
        <v>4701925.3541025557</v>
      </c>
      <c r="G848" s="795">
        <f t="shared" si="50"/>
        <v>1385964.0947583965</v>
      </c>
      <c r="H848" s="796">
        <f t="shared" si="51"/>
        <v>1385964.0947583965</v>
      </c>
      <c r="I848" s="793">
        <f t="shared" si="52"/>
        <v>0</v>
      </c>
      <c r="J848" s="793"/>
      <c r="K848" s="1321"/>
      <c r="L848" s="797"/>
      <c r="M848" s="1321"/>
      <c r="N848" s="797"/>
      <c r="O848" s="797"/>
    </row>
    <row r="849" spans="3:15">
      <c r="C849" s="789">
        <f>IF(D809="","-",+C848+1)</f>
        <v>2051</v>
      </c>
      <c r="D849" s="737">
        <f t="shared" si="48"/>
        <v>4701925.3541025557</v>
      </c>
      <c r="E849" s="790">
        <f t="shared" si="53"/>
        <v>829751.53307692311</v>
      </c>
      <c r="F849" s="737">
        <f t="shared" si="49"/>
        <v>3872173.8210256323</v>
      </c>
      <c r="G849" s="795">
        <f t="shared" si="50"/>
        <v>1295767.4631343735</v>
      </c>
      <c r="H849" s="796">
        <f t="shared" si="51"/>
        <v>1295767.4631343735</v>
      </c>
      <c r="I849" s="793">
        <f t="shared" si="52"/>
        <v>0</v>
      </c>
      <c r="J849" s="793"/>
      <c r="K849" s="1321"/>
      <c r="L849" s="797"/>
      <c r="M849" s="1321"/>
      <c r="N849" s="797"/>
      <c r="O849" s="797"/>
    </row>
    <row r="850" spans="3:15">
      <c r="C850" s="789">
        <f>IF(D809="","-",+C849+1)</f>
        <v>2052</v>
      </c>
      <c r="D850" s="737">
        <f t="shared" si="48"/>
        <v>3872173.8210256323</v>
      </c>
      <c r="E850" s="790">
        <f t="shared" si="53"/>
        <v>829751.53307692311</v>
      </c>
      <c r="F850" s="737">
        <f t="shared" si="49"/>
        <v>3042422.287948709</v>
      </c>
      <c r="G850" s="795">
        <f t="shared" si="50"/>
        <v>1205570.8315103506</v>
      </c>
      <c r="H850" s="796">
        <f t="shared" si="51"/>
        <v>1205570.8315103506</v>
      </c>
      <c r="I850" s="793">
        <f t="shared" si="52"/>
        <v>0</v>
      </c>
      <c r="J850" s="793"/>
      <c r="K850" s="1321"/>
      <c r="L850" s="797"/>
      <c r="M850" s="1321"/>
      <c r="N850" s="797"/>
      <c r="O850" s="797"/>
    </row>
    <row r="851" spans="3:15">
      <c r="C851" s="789">
        <f>IF(D809="","-",+C850+1)</f>
        <v>2053</v>
      </c>
      <c r="D851" s="737">
        <f t="shared" si="48"/>
        <v>3042422.287948709</v>
      </c>
      <c r="E851" s="790">
        <f t="shared" si="53"/>
        <v>829751.53307692311</v>
      </c>
      <c r="F851" s="737">
        <f t="shared" si="49"/>
        <v>2212670.7548717856</v>
      </c>
      <c r="G851" s="795">
        <f t="shared" si="50"/>
        <v>1115374.1998863278</v>
      </c>
      <c r="H851" s="796">
        <f t="shared" si="51"/>
        <v>1115374.1998863278</v>
      </c>
      <c r="I851" s="793">
        <f t="shared" si="52"/>
        <v>0</v>
      </c>
      <c r="J851" s="793"/>
      <c r="K851" s="1321"/>
      <c r="L851" s="797"/>
      <c r="M851" s="1321"/>
      <c r="N851" s="797"/>
      <c r="O851" s="797"/>
    </row>
    <row r="852" spans="3:15">
      <c r="C852" s="789">
        <f>IF(D809="","-",+C851+1)</f>
        <v>2054</v>
      </c>
      <c r="D852" s="737">
        <f t="shared" si="48"/>
        <v>2212670.7548717856</v>
      </c>
      <c r="E852" s="790">
        <f t="shared" si="53"/>
        <v>829751.53307692311</v>
      </c>
      <c r="F852" s="737">
        <f t="shared" si="49"/>
        <v>1382919.2217948625</v>
      </c>
      <c r="G852" s="795">
        <f t="shared" si="50"/>
        <v>1025177.5682623049</v>
      </c>
      <c r="H852" s="796">
        <f t="shared" si="51"/>
        <v>1025177.5682623049</v>
      </c>
      <c r="I852" s="793">
        <f t="shared" si="52"/>
        <v>0</v>
      </c>
      <c r="J852" s="793"/>
      <c r="K852" s="1321"/>
      <c r="L852" s="797"/>
      <c r="M852" s="1321"/>
      <c r="N852" s="797"/>
      <c r="O852" s="797"/>
    </row>
    <row r="853" spans="3:15">
      <c r="C853" s="789">
        <f>IF(D809="","-",+C852+1)</f>
        <v>2055</v>
      </c>
      <c r="D853" s="737">
        <f t="shared" si="48"/>
        <v>1382919.2217948625</v>
      </c>
      <c r="E853" s="790">
        <f t="shared" si="53"/>
        <v>829751.53307692311</v>
      </c>
      <c r="F853" s="737">
        <f t="shared" si="49"/>
        <v>553167.68871793943</v>
      </c>
      <c r="G853" s="795">
        <f t="shared" si="50"/>
        <v>934980.93663828215</v>
      </c>
      <c r="H853" s="796">
        <f t="shared" si="51"/>
        <v>934980.93663828215</v>
      </c>
      <c r="I853" s="793">
        <f t="shared" si="52"/>
        <v>0</v>
      </c>
      <c r="J853" s="793"/>
      <c r="K853" s="1321"/>
      <c r="L853" s="797"/>
      <c r="M853" s="1321"/>
      <c r="N853" s="797"/>
      <c r="O853" s="797"/>
    </row>
    <row r="854" spans="3:15">
      <c r="C854" s="789">
        <f>IF(D809="","-",+C853+1)</f>
        <v>2056</v>
      </c>
      <c r="D854" s="737">
        <f t="shared" si="48"/>
        <v>553167.68871793943</v>
      </c>
      <c r="E854" s="790">
        <f t="shared" si="53"/>
        <v>553167.68871793943</v>
      </c>
      <c r="F854" s="737">
        <f t="shared" si="49"/>
        <v>0</v>
      </c>
      <c r="G854" s="795">
        <f t="shared" si="50"/>
        <v>583233.2325926132</v>
      </c>
      <c r="H854" s="796">
        <f t="shared" si="51"/>
        <v>583233.2325926132</v>
      </c>
      <c r="I854" s="793">
        <f t="shared" si="52"/>
        <v>0</v>
      </c>
      <c r="J854" s="793"/>
      <c r="K854" s="1321"/>
      <c r="L854" s="797"/>
      <c r="M854" s="1321"/>
      <c r="N854" s="797"/>
      <c r="O854" s="797"/>
    </row>
    <row r="855" spans="3:15">
      <c r="C855" s="789">
        <f>IF(D809="","-",+C854+1)</f>
        <v>2057</v>
      </c>
      <c r="D855" s="737">
        <f t="shared" si="48"/>
        <v>0</v>
      </c>
      <c r="E855" s="790">
        <f t="shared" si="53"/>
        <v>0</v>
      </c>
      <c r="F855" s="737">
        <f t="shared" si="49"/>
        <v>0</v>
      </c>
      <c r="G855" s="795">
        <f t="shared" si="50"/>
        <v>0</v>
      </c>
      <c r="H855" s="796">
        <f t="shared" si="51"/>
        <v>0</v>
      </c>
      <c r="I855" s="793">
        <f t="shared" si="52"/>
        <v>0</v>
      </c>
      <c r="J855" s="793"/>
      <c r="K855" s="1321"/>
      <c r="L855" s="797"/>
      <c r="M855" s="1321"/>
      <c r="N855" s="797"/>
      <c r="O855" s="797"/>
    </row>
    <row r="856" spans="3:15">
      <c r="C856" s="789">
        <f>IF(D809="","-",+C855+1)</f>
        <v>2058</v>
      </c>
      <c r="D856" s="737">
        <f t="shared" si="48"/>
        <v>0</v>
      </c>
      <c r="E856" s="790">
        <f t="shared" si="53"/>
        <v>0</v>
      </c>
      <c r="F856" s="737">
        <f t="shared" si="49"/>
        <v>0</v>
      </c>
      <c r="G856" s="795">
        <f t="shared" si="50"/>
        <v>0</v>
      </c>
      <c r="H856" s="796">
        <f t="shared" si="51"/>
        <v>0</v>
      </c>
      <c r="I856" s="793">
        <f t="shared" si="52"/>
        <v>0</v>
      </c>
      <c r="J856" s="793"/>
      <c r="K856" s="1321"/>
      <c r="L856" s="797"/>
      <c r="M856" s="1321"/>
      <c r="N856" s="797"/>
      <c r="O856" s="797"/>
    </row>
    <row r="857" spans="3:15">
      <c r="C857" s="789">
        <f>IF(D809="","-",+C856+1)</f>
        <v>2059</v>
      </c>
      <c r="D857" s="737">
        <f t="shared" si="48"/>
        <v>0</v>
      </c>
      <c r="E857" s="790">
        <f t="shared" si="53"/>
        <v>0</v>
      </c>
      <c r="F857" s="737">
        <f t="shared" si="49"/>
        <v>0</v>
      </c>
      <c r="G857" s="795">
        <f t="shared" si="50"/>
        <v>0</v>
      </c>
      <c r="H857" s="796">
        <f t="shared" si="51"/>
        <v>0</v>
      </c>
      <c r="I857" s="793">
        <f t="shared" si="52"/>
        <v>0</v>
      </c>
      <c r="J857" s="793"/>
      <c r="K857" s="1321"/>
      <c r="L857" s="797"/>
      <c r="M857" s="1321"/>
      <c r="N857" s="797"/>
      <c r="O857" s="797"/>
    </row>
    <row r="858" spans="3:15">
      <c r="C858" s="789">
        <f>IF(D809="","-",+C857+1)</f>
        <v>2060</v>
      </c>
      <c r="D858" s="737">
        <f t="shared" si="48"/>
        <v>0</v>
      </c>
      <c r="E858" s="790">
        <f t="shared" si="53"/>
        <v>0</v>
      </c>
      <c r="F858" s="737">
        <f t="shared" si="49"/>
        <v>0</v>
      </c>
      <c r="G858" s="795">
        <f t="shared" si="50"/>
        <v>0</v>
      </c>
      <c r="H858" s="796">
        <f t="shared" si="51"/>
        <v>0</v>
      </c>
      <c r="I858" s="793">
        <f t="shared" si="52"/>
        <v>0</v>
      </c>
      <c r="J858" s="793"/>
      <c r="K858" s="1321"/>
      <c r="L858" s="797"/>
      <c r="M858" s="1321"/>
      <c r="N858" s="797"/>
      <c r="O858" s="797"/>
    </row>
    <row r="859" spans="3:15">
      <c r="C859" s="789">
        <f>IF(D809="","-",+C858+1)</f>
        <v>2061</v>
      </c>
      <c r="D859" s="737">
        <f t="shared" si="48"/>
        <v>0</v>
      </c>
      <c r="E859" s="790">
        <f t="shared" si="53"/>
        <v>0</v>
      </c>
      <c r="F859" s="737">
        <f t="shared" si="49"/>
        <v>0</v>
      </c>
      <c r="G859" s="795">
        <f t="shared" si="50"/>
        <v>0</v>
      </c>
      <c r="H859" s="796">
        <f t="shared" si="51"/>
        <v>0</v>
      </c>
      <c r="I859" s="793">
        <f t="shared" si="52"/>
        <v>0</v>
      </c>
      <c r="J859" s="793"/>
      <c r="K859" s="1321"/>
      <c r="L859" s="797"/>
      <c r="M859" s="1321"/>
      <c r="N859" s="797"/>
      <c r="O859" s="797"/>
    </row>
    <row r="860" spans="3:15">
      <c r="C860" s="789">
        <f>IF(D809="","-",+C859+1)</f>
        <v>2062</v>
      </c>
      <c r="D860" s="737">
        <f t="shared" si="48"/>
        <v>0</v>
      </c>
      <c r="E860" s="790">
        <f t="shared" si="53"/>
        <v>0</v>
      </c>
      <c r="F860" s="737">
        <f t="shared" si="49"/>
        <v>0</v>
      </c>
      <c r="G860" s="795">
        <f t="shared" si="50"/>
        <v>0</v>
      </c>
      <c r="H860" s="796">
        <f t="shared" si="51"/>
        <v>0</v>
      </c>
      <c r="I860" s="793">
        <f t="shared" si="52"/>
        <v>0</v>
      </c>
      <c r="J860" s="793"/>
      <c r="K860" s="1321"/>
      <c r="L860" s="797"/>
      <c r="M860" s="1321"/>
      <c r="N860" s="797"/>
      <c r="O860" s="797"/>
    </row>
    <row r="861" spans="3:15">
      <c r="C861" s="789">
        <f>IF(D809="","-",+C860+1)</f>
        <v>2063</v>
      </c>
      <c r="D861" s="737">
        <f t="shared" si="48"/>
        <v>0</v>
      </c>
      <c r="E861" s="790">
        <f t="shared" si="53"/>
        <v>0</v>
      </c>
      <c r="F861" s="737">
        <f t="shared" si="49"/>
        <v>0</v>
      </c>
      <c r="G861" s="795">
        <f t="shared" si="50"/>
        <v>0</v>
      </c>
      <c r="H861" s="796">
        <f t="shared" si="51"/>
        <v>0</v>
      </c>
      <c r="I861" s="793">
        <f t="shared" si="52"/>
        <v>0</v>
      </c>
      <c r="J861" s="793"/>
      <c r="K861" s="1321"/>
      <c r="L861" s="797"/>
      <c r="M861" s="1321"/>
      <c r="N861" s="797"/>
      <c r="O861" s="797"/>
    </row>
    <row r="862" spans="3:15">
      <c r="C862" s="789">
        <f>IF(D809="","-",+C861+1)</f>
        <v>2064</v>
      </c>
      <c r="D862" s="737">
        <f t="shared" si="48"/>
        <v>0</v>
      </c>
      <c r="E862" s="790">
        <f t="shared" si="53"/>
        <v>0</v>
      </c>
      <c r="F862" s="737">
        <f t="shared" si="49"/>
        <v>0</v>
      </c>
      <c r="G862" s="795">
        <f t="shared" si="50"/>
        <v>0</v>
      </c>
      <c r="H862" s="796">
        <f t="shared" si="51"/>
        <v>0</v>
      </c>
      <c r="I862" s="793">
        <f t="shared" si="52"/>
        <v>0</v>
      </c>
      <c r="J862" s="793"/>
      <c r="K862" s="1321"/>
      <c r="L862" s="797"/>
      <c r="M862" s="1321"/>
      <c r="N862" s="797"/>
      <c r="O862" s="797"/>
    </row>
    <row r="863" spans="3:15">
      <c r="C863" s="789">
        <f>IF(D809="","-",+C862+1)</f>
        <v>2065</v>
      </c>
      <c r="D863" s="737">
        <f t="shared" si="48"/>
        <v>0</v>
      </c>
      <c r="E863" s="790">
        <f t="shared" si="53"/>
        <v>0</v>
      </c>
      <c r="F863" s="737">
        <f t="shared" si="49"/>
        <v>0</v>
      </c>
      <c r="G863" s="795">
        <f t="shared" si="50"/>
        <v>0</v>
      </c>
      <c r="H863" s="796">
        <f t="shared" si="51"/>
        <v>0</v>
      </c>
      <c r="I863" s="793">
        <f t="shared" si="52"/>
        <v>0</v>
      </c>
      <c r="J863" s="793"/>
      <c r="K863" s="1321"/>
      <c r="L863" s="797"/>
      <c r="M863" s="1321"/>
      <c r="N863" s="797"/>
      <c r="O863" s="797"/>
    </row>
    <row r="864" spans="3:15">
      <c r="C864" s="789">
        <f>IF(D809="","-",+C863+1)</f>
        <v>2066</v>
      </c>
      <c r="D864" s="737">
        <f t="shared" si="48"/>
        <v>0</v>
      </c>
      <c r="E864" s="790">
        <f t="shared" si="53"/>
        <v>0</v>
      </c>
      <c r="F864" s="737">
        <f t="shared" si="49"/>
        <v>0</v>
      </c>
      <c r="G864" s="795">
        <f t="shared" si="50"/>
        <v>0</v>
      </c>
      <c r="H864" s="796">
        <f t="shared" si="51"/>
        <v>0</v>
      </c>
      <c r="I864" s="793">
        <f t="shared" si="52"/>
        <v>0</v>
      </c>
      <c r="J864" s="793"/>
      <c r="K864" s="1321"/>
      <c r="L864" s="797"/>
      <c r="M864" s="1321"/>
      <c r="N864" s="797"/>
      <c r="O864" s="797"/>
    </row>
    <row r="865" spans="3:15">
      <c r="C865" s="789">
        <f>IF(D809="","-",+C864+1)</f>
        <v>2067</v>
      </c>
      <c r="D865" s="737">
        <f t="shared" si="48"/>
        <v>0</v>
      </c>
      <c r="E865" s="790">
        <f t="shared" si="53"/>
        <v>0</v>
      </c>
      <c r="F865" s="737">
        <f t="shared" si="49"/>
        <v>0</v>
      </c>
      <c r="G865" s="795">
        <f t="shared" si="50"/>
        <v>0</v>
      </c>
      <c r="H865" s="796">
        <f t="shared" si="51"/>
        <v>0</v>
      </c>
      <c r="I865" s="793">
        <f t="shared" si="52"/>
        <v>0</v>
      </c>
      <c r="J865" s="793"/>
      <c r="K865" s="1321"/>
      <c r="L865" s="797"/>
      <c r="M865" s="1321"/>
      <c r="N865" s="797"/>
      <c r="O865" s="797"/>
    </row>
    <row r="866" spans="3:15">
      <c r="C866" s="789">
        <f>IF(D809="","-",+C865+1)</f>
        <v>2068</v>
      </c>
      <c r="D866" s="737">
        <f t="shared" si="48"/>
        <v>0</v>
      </c>
      <c r="E866" s="790">
        <f t="shared" si="53"/>
        <v>0</v>
      </c>
      <c r="F866" s="737">
        <f t="shared" si="49"/>
        <v>0</v>
      </c>
      <c r="G866" s="795">
        <f t="shared" si="50"/>
        <v>0</v>
      </c>
      <c r="H866" s="796">
        <f t="shared" si="51"/>
        <v>0</v>
      </c>
      <c r="I866" s="793">
        <f t="shared" si="52"/>
        <v>0</v>
      </c>
      <c r="J866" s="793"/>
      <c r="K866" s="1321"/>
      <c r="L866" s="797"/>
      <c r="M866" s="1321"/>
      <c r="N866" s="797"/>
      <c r="O866" s="797"/>
    </row>
    <row r="867" spans="3:15">
      <c r="C867" s="789">
        <f>IF(D809="","-",+C866+1)</f>
        <v>2069</v>
      </c>
      <c r="D867" s="737">
        <f t="shared" si="48"/>
        <v>0</v>
      </c>
      <c r="E867" s="790">
        <f t="shared" si="53"/>
        <v>0</v>
      </c>
      <c r="F867" s="737">
        <f t="shared" si="49"/>
        <v>0</v>
      </c>
      <c r="G867" s="795">
        <f t="shared" si="50"/>
        <v>0</v>
      </c>
      <c r="H867" s="796">
        <f t="shared" si="51"/>
        <v>0</v>
      </c>
      <c r="I867" s="793">
        <f t="shared" si="52"/>
        <v>0</v>
      </c>
      <c r="J867" s="793"/>
      <c r="K867" s="1321"/>
      <c r="L867" s="797"/>
      <c r="M867" s="1321"/>
      <c r="N867" s="797"/>
      <c r="O867" s="797"/>
    </row>
    <row r="868" spans="3:15">
      <c r="C868" s="789">
        <f>IF(D809="","-",+C867+1)</f>
        <v>2070</v>
      </c>
      <c r="D868" s="737">
        <f t="shared" si="48"/>
        <v>0</v>
      </c>
      <c r="E868" s="790">
        <f t="shared" si="53"/>
        <v>0</v>
      </c>
      <c r="F868" s="737">
        <f t="shared" si="49"/>
        <v>0</v>
      </c>
      <c r="G868" s="795">
        <f t="shared" si="50"/>
        <v>0</v>
      </c>
      <c r="H868" s="796">
        <f t="shared" si="51"/>
        <v>0</v>
      </c>
      <c r="I868" s="793">
        <f t="shared" si="52"/>
        <v>0</v>
      </c>
      <c r="J868" s="793"/>
      <c r="K868" s="1321"/>
      <c r="L868" s="797"/>
      <c r="M868" s="1321"/>
      <c r="N868" s="797"/>
      <c r="O868" s="797"/>
    </row>
    <row r="869" spans="3:15">
      <c r="C869" s="789">
        <f>IF(D809="","-",+C868+1)</f>
        <v>2071</v>
      </c>
      <c r="D869" s="737">
        <f t="shared" si="48"/>
        <v>0</v>
      </c>
      <c r="E869" s="790">
        <f t="shared" si="53"/>
        <v>0</v>
      </c>
      <c r="F869" s="737">
        <f t="shared" si="49"/>
        <v>0</v>
      </c>
      <c r="G869" s="795">
        <f t="shared" si="50"/>
        <v>0</v>
      </c>
      <c r="H869" s="796">
        <f t="shared" si="51"/>
        <v>0</v>
      </c>
      <c r="I869" s="793">
        <f t="shared" si="52"/>
        <v>0</v>
      </c>
      <c r="J869" s="793"/>
      <c r="K869" s="1321"/>
      <c r="L869" s="797"/>
      <c r="M869" s="1321"/>
      <c r="N869" s="797"/>
      <c r="O869" s="797"/>
    </row>
    <row r="870" spans="3:15">
      <c r="C870" s="789">
        <f>IF(D809="","-",+C869+1)</f>
        <v>2072</v>
      </c>
      <c r="D870" s="737">
        <f t="shared" si="48"/>
        <v>0</v>
      </c>
      <c r="E870" s="790">
        <f t="shared" si="53"/>
        <v>0</v>
      </c>
      <c r="F870" s="737">
        <f t="shared" si="49"/>
        <v>0</v>
      </c>
      <c r="G870" s="795">
        <f t="shared" si="50"/>
        <v>0</v>
      </c>
      <c r="H870" s="796">
        <f t="shared" si="51"/>
        <v>0</v>
      </c>
      <c r="I870" s="793">
        <f t="shared" si="52"/>
        <v>0</v>
      </c>
      <c r="J870" s="793"/>
      <c r="K870" s="1321"/>
      <c r="L870" s="797"/>
      <c r="M870" s="1321"/>
      <c r="N870" s="797"/>
      <c r="O870" s="797"/>
    </row>
    <row r="871" spans="3:15">
      <c r="C871" s="789">
        <f>IF(D809="","-",+C870+1)</f>
        <v>2073</v>
      </c>
      <c r="D871" s="737">
        <f t="shared" si="48"/>
        <v>0</v>
      </c>
      <c r="E871" s="790">
        <f t="shared" si="53"/>
        <v>0</v>
      </c>
      <c r="F871" s="737">
        <f t="shared" si="49"/>
        <v>0</v>
      </c>
      <c r="G871" s="795">
        <f t="shared" si="50"/>
        <v>0</v>
      </c>
      <c r="H871" s="796">
        <f t="shared" si="51"/>
        <v>0</v>
      </c>
      <c r="I871" s="793">
        <f t="shared" si="52"/>
        <v>0</v>
      </c>
      <c r="J871" s="793"/>
      <c r="K871" s="1321"/>
      <c r="L871" s="797"/>
      <c r="M871" s="1321"/>
      <c r="N871" s="797"/>
      <c r="O871" s="797"/>
    </row>
    <row r="872" spans="3:15">
      <c r="C872" s="789">
        <f>IF(D809="","-",+C871+1)</f>
        <v>2074</v>
      </c>
      <c r="D872" s="737">
        <f t="shared" si="48"/>
        <v>0</v>
      </c>
      <c r="E872" s="790">
        <f t="shared" si="53"/>
        <v>0</v>
      </c>
      <c r="F872" s="737">
        <f t="shared" si="49"/>
        <v>0</v>
      </c>
      <c r="G872" s="795">
        <f t="shared" si="50"/>
        <v>0</v>
      </c>
      <c r="H872" s="796">
        <f t="shared" si="51"/>
        <v>0</v>
      </c>
      <c r="I872" s="793">
        <f t="shared" si="52"/>
        <v>0</v>
      </c>
      <c r="J872" s="793"/>
      <c r="K872" s="1321"/>
      <c r="L872" s="797"/>
      <c r="M872" s="1321"/>
      <c r="N872" s="797"/>
      <c r="O872" s="797"/>
    </row>
    <row r="873" spans="3:15">
      <c r="C873" s="789">
        <f>IF(D809="","-",+C872+1)</f>
        <v>2075</v>
      </c>
      <c r="D873" s="737">
        <f t="shared" si="48"/>
        <v>0</v>
      </c>
      <c r="E873" s="790">
        <f t="shared" si="53"/>
        <v>0</v>
      </c>
      <c r="F873" s="737">
        <f t="shared" si="49"/>
        <v>0</v>
      </c>
      <c r="G873" s="795">
        <f t="shared" si="50"/>
        <v>0</v>
      </c>
      <c r="H873" s="796">
        <f t="shared" si="51"/>
        <v>0</v>
      </c>
      <c r="I873" s="793">
        <f t="shared" si="52"/>
        <v>0</v>
      </c>
      <c r="J873" s="793"/>
      <c r="K873" s="1321"/>
      <c r="L873" s="797"/>
      <c r="M873" s="1321"/>
      <c r="N873" s="797"/>
      <c r="O873" s="797"/>
    </row>
    <row r="874" spans="3:15" ht="13.5" thickBot="1">
      <c r="C874" s="799">
        <f>IF(D809="","-",+C873+1)</f>
        <v>2076</v>
      </c>
      <c r="D874" s="800">
        <f t="shared" si="48"/>
        <v>0</v>
      </c>
      <c r="E874" s="801">
        <f t="shared" si="53"/>
        <v>0</v>
      </c>
      <c r="F874" s="800">
        <f t="shared" si="49"/>
        <v>0</v>
      </c>
      <c r="G874" s="802">
        <f t="shared" si="50"/>
        <v>0</v>
      </c>
      <c r="H874" s="802">
        <f t="shared" si="51"/>
        <v>0</v>
      </c>
      <c r="I874" s="803">
        <f t="shared" si="52"/>
        <v>0</v>
      </c>
      <c r="J874" s="793"/>
      <c r="K874" s="1322"/>
      <c r="L874" s="804"/>
      <c r="M874" s="1322"/>
      <c r="N874" s="804"/>
      <c r="O874" s="804"/>
    </row>
    <row r="875" spans="3:15">
      <c r="C875" s="737" t="s">
        <v>91</v>
      </c>
      <c r="D875" s="731"/>
      <c r="E875" s="731">
        <f>SUM(E815:E874)</f>
        <v>32360309.789999999</v>
      </c>
      <c r="F875" s="731"/>
      <c r="G875" s="731">
        <f>SUM(G815:G874)</f>
        <v>103299960.56229395</v>
      </c>
      <c r="H875" s="731">
        <f>SUM(H815:H874)</f>
        <v>103299960.56229395</v>
      </c>
      <c r="I875" s="731">
        <f>SUM(I815:I874)</f>
        <v>0</v>
      </c>
      <c r="J875" s="731"/>
      <c r="K875" s="731"/>
      <c r="L875" s="731"/>
      <c r="M875" s="731"/>
      <c r="N875" s="731"/>
      <c r="O875" s="314"/>
    </row>
    <row r="876" spans="3:15">
      <c r="D876" s="539"/>
      <c r="E876" s="314"/>
      <c r="F876" s="314"/>
      <c r="G876" s="314"/>
      <c r="H876" s="709"/>
      <c r="I876" s="709"/>
      <c r="J876" s="731"/>
      <c r="K876" s="709"/>
      <c r="L876" s="709"/>
      <c r="M876" s="709"/>
      <c r="N876" s="709"/>
      <c r="O876" s="314"/>
    </row>
    <row r="877" spans="3:15">
      <c r="C877" s="314" t="s">
        <v>13</v>
      </c>
      <c r="D877" s="539"/>
      <c r="E877" s="314"/>
      <c r="F877" s="314"/>
      <c r="G877" s="314"/>
      <c r="H877" s="709"/>
      <c r="I877" s="709"/>
      <c r="J877" s="731"/>
      <c r="K877" s="709"/>
      <c r="L877" s="709"/>
      <c r="M877" s="709"/>
      <c r="N877" s="709"/>
      <c r="O877" s="314"/>
    </row>
    <row r="878" spans="3:15">
      <c r="C878" s="314"/>
      <c r="D878" s="539"/>
      <c r="E878" s="314"/>
      <c r="F878" s="314"/>
      <c r="G878" s="314"/>
      <c r="H878" s="709"/>
      <c r="I878" s="709"/>
      <c r="J878" s="731"/>
      <c r="K878" s="709"/>
      <c r="L878" s="709"/>
      <c r="M878" s="709"/>
      <c r="N878" s="709"/>
      <c r="O878" s="314"/>
    </row>
    <row r="879" spans="3:15">
      <c r="C879" s="750" t="s">
        <v>14</v>
      </c>
      <c r="D879" s="737"/>
      <c r="E879" s="737"/>
      <c r="F879" s="737"/>
      <c r="G879" s="731"/>
      <c r="H879" s="731"/>
      <c r="I879" s="805"/>
      <c r="J879" s="805"/>
      <c r="K879" s="805"/>
      <c r="L879" s="805"/>
      <c r="M879" s="805"/>
      <c r="N879" s="805"/>
      <c r="O879" s="314"/>
    </row>
    <row r="880" spans="3:15">
      <c r="C880" s="736" t="s">
        <v>271</v>
      </c>
      <c r="D880" s="737"/>
      <c r="E880" s="737"/>
      <c r="F880" s="737"/>
      <c r="G880" s="731"/>
      <c r="H880" s="731"/>
      <c r="I880" s="805"/>
      <c r="J880" s="805"/>
      <c r="K880" s="805"/>
      <c r="L880" s="805"/>
      <c r="M880" s="805"/>
      <c r="N880" s="805"/>
      <c r="O880" s="314"/>
    </row>
    <row r="881" spans="1:16">
      <c r="C881" s="736" t="s">
        <v>92</v>
      </c>
      <c r="D881" s="737"/>
      <c r="E881" s="737"/>
      <c r="F881" s="737"/>
      <c r="G881" s="731"/>
      <c r="H881" s="731"/>
      <c r="I881" s="805"/>
      <c r="J881" s="805"/>
      <c r="K881" s="805"/>
      <c r="L881" s="805"/>
      <c r="M881" s="805"/>
      <c r="N881" s="805"/>
      <c r="O881" s="314"/>
    </row>
    <row r="882" spans="1:16">
      <c r="C882" s="736"/>
      <c r="D882" s="737"/>
      <c r="E882" s="737"/>
      <c r="F882" s="737"/>
      <c r="G882" s="731"/>
      <c r="H882" s="731"/>
      <c r="I882" s="805"/>
      <c r="J882" s="805"/>
      <c r="K882" s="805"/>
      <c r="L882" s="805"/>
      <c r="M882" s="805"/>
      <c r="N882" s="805"/>
      <c r="O882" s="314"/>
    </row>
    <row r="883" spans="1:16">
      <c r="C883" s="1491" t="s">
        <v>6</v>
      </c>
      <c r="D883" s="1491"/>
      <c r="E883" s="1491"/>
      <c r="F883" s="1491"/>
      <c r="G883" s="1491"/>
      <c r="H883" s="1491"/>
      <c r="I883" s="1491"/>
      <c r="J883" s="1491"/>
      <c r="K883" s="1491"/>
      <c r="L883" s="1491"/>
      <c r="M883" s="1491"/>
      <c r="N883" s="1491"/>
      <c r="O883" s="1491"/>
    </row>
    <row r="884" spans="1:16">
      <c r="C884" s="1491"/>
      <c r="D884" s="1491"/>
      <c r="E884" s="1491"/>
      <c r="F884" s="1491"/>
      <c r="G884" s="1491"/>
      <c r="H884" s="1491"/>
      <c r="I884" s="1491"/>
      <c r="J884" s="1491"/>
      <c r="K884" s="1491"/>
      <c r="L884" s="1491"/>
      <c r="M884" s="1491"/>
      <c r="N884" s="1491"/>
      <c r="O884" s="1491"/>
    </row>
    <row r="887" spans="1:16" ht="20.25">
      <c r="A887" s="738" t="str">
        <f>""&amp;A811&amp;" Worksheet J -  ATRR PROJECTED Calculation for PJM Projects Charged to Benefiting Zones"</f>
        <v xml:space="preserve"> Worksheet J -  ATRR PROJECTED Calculation for PJM Projects Charged to Benefiting Zones</v>
      </c>
      <c r="B887" s="348"/>
      <c r="C887" s="726"/>
      <c r="D887" s="539"/>
      <c r="E887" s="314"/>
      <c r="F887" s="708"/>
      <c r="G887" s="314"/>
      <c r="H887" s="709"/>
      <c r="K887" s="565"/>
      <c r="L887" s="565"/>
      <c r="M887" s="565"/>
      <c r="N887" s="654" t="str">
        <f>"Page "&amp;SUM(P$8:P887)&amp;" of "</f>
        <v xml:space="preserve">Page 11 of </v>
      </c>
      <c r="O887" s="655">
        <f>COUNT(P$8:P$56656)</f>
        <v>11</v>
      </c>
      <c r="P887" s="173">
        <v>1</v>
      </c>
    </row>
    <row r="888" spans="1:16" ht="20.25">
      <c r="A888" s="738"/>
      <c r="B888" s="348"/>
      <c r="C888" s="726"/>
      <c r="D888" s="539"/>
      <c r="E888" s="314"/>
      <c r="F888" s="708"/>
      <c r="G888" s="314"/>
      <c r="H888" s="709"/>
      <c r="K888" s="565"/>
      <c r="L888" s="565"/>
      <c r="M888" s="565"/>
      <c r="N888" s="654"/>
      <c r="O888" s="655"/>
    </row>
    <row r="889" spans="1:16" ht="18">
      <c r="B889" s="658" t="s">
        <v>474</v>
      </c>
      <c r="C889" s="740" t="s">
        <v>93</v>
      </c>
      <c r="D889" s="539"/>
      <c r="E889" s="314"/>
      <c r="F889" s="314"/>
      <c r="G889" s="314"/>
      <c r="H889" s="709"/>
      <c r="I889" s="709"/>
      <c r="J889" s="731"/>
      <c r="K889" s="709"/>
      <c r="L889" s="709"/>
      <c r="M889" s="709"/>
      <c r="N889" s="709"/>
      <c r="O889" s="314"/>
    </row>
    <row r="890" spans="1:16" ht="18.75">
      <c r="B890" s="658"/>
      <c r="C890" s="657"/>
      <c r="D890" s="539"/>
      <c r="E890" s="314"/>
      <c r="F890" s="314"/>
      <c r="G890" s="314"/>
      <c r="H890" s="709"/>
      <c r="I890" s="709"/>
      <c r="J890" s="731"/>
      <c r="K890" s="709"/>
      <c r="L890" s="709"/>
      <c r="M890" s="709"/>
      <c r="N890" s="709"/>
      <c r="O890" s="314"/>
    </row>
    <row r="891" spans="1:16" ht="18.75">
      <c r="B891" s="658"/>
      <c r="C891" s="657" t="s">
        <v>94</v>
      </c>
      <c r="D891" s="539"/>
      <c r="E891" s="314"/>
      <c r="F891" s="314"/>
      <c r="G891" s="314"/>
      <c r="H891" s="709"/>
      <c r="I891" s="709"/>
      <c r="J891" s="731"/>
      <c r="K891" s="709"/>
      <c r="L891" s="709"/>
      <c r="M891" s="709"/>
      <c r="N891" s="709"/>
      <c r="O891" s="314"/>
    </row>
    <row r="892" spans="1:16" ht="15.75" thickBot="1">
      <c r="C892" s="240"/>
      <c r="D892" s="539"/>
      <c r="E892" s="314"/>
      <c r="F892" s="314"/>
      <c r="G892" s="314"/>
      <c r="H892" s="709"/>
      <c r="I892" s="709"/>
      <c r="J892" s="731"/>
      <c r="K892" s="709"/>
      <c r="L892" s="709"/>
      <c r="M892" s="709"/>
      <c r="N892" s="709"/>
      <c r="O892" s="314"/>
    </row>
    <row r="893" spans="1:16" ht="15.75">
      <c r="C893" s="660" t="s">
        <v>95</v>
      </c>
      <c r="D893" s="539"/>
      <c r="E893" s="314"/>
      <c r="F893" s="314"/>
      <c r="G893" s="807"/>
      <c r="H893" s="314" t="s">
        <v>74</v>
      </c>
      <c r="I893" s="314"/>
      <c r="J893" s="426"/>
      <c r="K893" s="741" t="s">
        <v>99</v>
      </c>
      <c r="L893" s="742"/>
      <c r="M893" s="743"/>
      <c r="N893" s="744">
        <f>IF(I899=0,0,VLOOKUP(I899,C906:O965,5))</f>
        <v>1014728.9243219129</v>
      </c>
      <c r="O893" s="314"/>
    </row>
    <row r="894" spans="1:16" ht="15.75">
      <c r="C894" s="660"/>
      <c r="D894" s="539"/>
      <c r="E894" s="314"/>
      <c r="F894" s="314"/>
      <c r="G894" s="314"/>
      <c r="H894" s="745"/>
      <c r="I894" s="745"/>
      <c r="J894" s="746"/>
      <c r="K894" s="747" t="s">
        <v>100</v>
      </c>
      <c r="L894" s="748"/>
      <c r="M894" s="426"/>
      <c r="N894" s="749">
        <f>IF(I899=0,0,VLOOKUP(I899,C906:O965,6))</f>
        <v>1014728.9243219129</v>
      </c>
      <c r="O894" s="314"/>
    </row>
    <row r="895" spans="1:16" ht="13.5" thickBot="1">
      <c r="C895" s="750" t="s">
        <v>96</v>
      </c>
      <c r="D895" s="1489" t="s">
        <v>838</v>
      </c>
      <c r="E895" s="1489"/>
      <c r="F895" s="1489"/>
      <c r="G895" s="1489"/>
      <c r="H895" s="1489"/>
      <c r="I895" s="1489"/>
      <c r="J895" s="731"/>
      <c r="K895" s="751" t="s">
        <v>238</v>
      </c>
      <c r="L895" s="752"/>
      <c r="M895" s="752"/>
      <c r="N895" s="753">
        <f>+N894-N893</f>
        <v>0</v>
      </c>
      <c r="O895" s="314"/>
    </row>
    <row r="896" spans="1:16">
      <c r="C896" s="754"/>
      <c r="D896" s="1489"/>
      <c r="E896" s="1489"/>
      <c r="F896" s="1489"/>
      <c r="G896" s="1489"/>
      <c r="H896" s="1489"/>
      <c r="I896" s="1489"/>
      <c r="J896" s="731"/>
      <c r="K896" s="709"/>
      <c r="L896" s="709"/>
      <c r="M896" s="709"/>
      <c r="N896" s="709"/>
      <c r="O896" s="314"/>
    </row>
    <row r="897" spans="2:15" ht="13.5" thickBot="1">
      <c r="C897" s="757"/>
      <c r="D897" s="758"/>
      <c r="E897" s="756"/>
      <c r="F897" s="756"/>
      <c r="G897" s="756"/>
      <c r="H897" s="756"/>
      <c r="I897" s="756"/>
      <c r="J897" s="759"/>
      <c r="K897" s="756"/>
      <c r="L897" s="756"/>
      <c r="M897" s="756"/>
      <c r="N897" s="756"/>
      <c r="O897" s="348"/>
    </row>
    <row r="898" spans="2:15" ht="13.5" thickBot="1">
      <c r="C898" s="760" t="s">
        <v>97</v>
      </c>
      <c r="D898" s="761"/>
      <c r="E898" s="761"/>
      <c r="F898" s="761"/>
      <c r="G898" s="761"/>
      <c r="H898" s="761"/>
      <c r="I898" s="762"/>
      <c r="J898" s="763"/>
      <c r="K898" s="314"/>
      <c r="L898" s="314"/>
      <c r="M898" s="314"/>
      <c r="N898" s="314"/>
      <c r="O898" s="764"/>
    </row>
    <row r="899" spans="2:15" ht="15">
      <c r="C899" s="765" t="s">
        <v>75</v>
      </c>
      <c r="D899" s="1317">
        <v>8427428</v>
      </c>
      <c r="E899" s="726" t="s">
        <v>76</v>
      </c>
      <c r="G899" s="766"/>
      <c r="H899" s="766"/>
      <c r="I899" s="767">
        <f>$L$26</f>
        <v>2021</v>
      </c>
      <c r="J899" s="555"/>
      <c r="K899" s="1490" t="s">
        <v>247</v>
      </c>
      <c r="L899" s="1490"/>
      <c r="M899" s="1490"/>
      <c r="N899" s="1490"/>
      <c r="O899" s="1490"/>
    </row>
    <row r="900" spans="2:15">
      <c r="C900" s="765" t="s">
        <v>78</v>
      </c>
      <c r="D900" s="1318">
        <v>2016</v>
      </c>
      <c r="E900" s="765" t="s">
        <v>79</v>
      </c>
      <c r="F900" s="766"/>
      <c r="H900" s="173"/>
      <c r="I900" s="811">
        <f>IF(G893="",0,$F$17)</f>
        <v>0</v>
      </c>
      <c r="J900" s="768"/>
      <c r="K900" s="731" t="s">
        <v>247</v>
      </c>
    </row>
    <row r="901" spans="2:15">
      <c r="C901" s="765" t="s">
        <v>80</v>
      </c>
      <c r="D901" s="1319">
        <v>6</v>
      </c>
      <c r="E901" s="765" t="s">
        <v>81</v>
      </c>
      <c r="F901" s="766"/>
      <c r="H901" s="173"/>
      <c r="I901" s="769">
        <f>$G$70</f>
        <v>0.10870318164951323</v>
      </c>
      <c r="J901" s="770"/>
      <c r="K901" s="173" t="str">
        <f>"          INPUT PROJECTED ARR (WITH &amp; WITHOUT INCENTIVES) FROM EACH PRIOR YEAR"</f>
        <v xml:space="preserve">          INPUT PROJECTED ARR (WITH &amp; WITHOUT INCENTIVES) FROM EACH PRIOR YEAR</v>
      </c>
    </row>
    <row r="902" spans="2:15">
      <c r="C902" s="765" t="s">
        <v>82</v>
      </c>
      <c r="D902" s="771">
        <f>$G$79</f>
        <v>39</v>
      </c>
      <c r="E902" s="765" t="s">
        <v>83</v>
      </c>
      <c r="F902" s="766"/>
      <c r="H902" s="173"/>
      <c r="I902" s="769">
        <f>IF(G893="",I901,$G$69)</f>
        <v>0.10870318164951323</v>
      </c>
      <c r="J902" s="772"/>
      <c r="K902" s="173" t="s">
        <v>160</v>
      </c>
    </row>
    <row r="903" spans="2:15" ht="13.5" thickBot="1">
      <c r="C903" s="765" t="s">
        <v>84</v>
      </c>
      <c r="D903" s="808" t="s">
        <v>819</v>
      </c>
      <c r="E903" s="773" t="s">
        <v>85</v>
      </c>
      <c r="F903" s="774"/>
      <c r="G903" s="775"/>
      <c r="H903" s="775"/>
      <c r="I903" s="753">
        <f>IF(D899=0,0,D899/D902)</f>
        <v>216087.89743589744</v>
      </c>
      <c r="J903" s="731"/>
      <c r="K903" s="731" t="s">
        <v>166</v>
      </c>
      <c r="L903" s="731"/>
      <c r="M903" s="731"/>
      <c r="N903" s="731"/>
      <c r="O903" s="426"/>
    </row>
    <row r="904" spans="2:15" ht="51">
      <c r="B904" s="846"/>
      <c r="C904" s="776" t="s">
        <v>75</v>
      </c>
      <c r="D904" s="777" t="s">
        <v>86</v>
      </c>
      <c r="E904" s="778" t="s">
        <v>87</v>
      </c>
      <c r="F904" s="777" t="s">
        <v>88</v>
      </c>
      <c r="G904" s="778" t="s">
        <v>159</v>
      </c>
      <c r="H904" s="779" t="s">
        <v>159</v>
      </c>
      <c r="I904" s="776" t="s">
        <v>98</v>
      </c>
      <c r="J904" s="780"/>
      <c r="K904" s="778" t="s">
        <v>168</v>
      </c>
      <c r="L904" s="781"/>
      <c r="M904" s="778" t="s">
        <v>168</v>
      </c>
      <c r="N904" s="781"/>
      <c r="O904" s="781"/>
    </row>
    <row r="905" spans="2:15" ht="13.5" thickBot="1">
      <c r="C905" s="782" t="s">
        <v>477</v>
      </c>
      <c r="D905" s="783" t="s">
        <v>478</v>
      </c>
      <c r="E905" s="782" t="s">
        <v>371</v>
      </c>
      <c r="F905" s="783" t="s">
        <v>478</v>
      </c>
      <c r="G905" s="784" t="s">
        <v>101</v>
      </c>
      <c r="H905" s="785" t="s">
        <v>103</v>
      </c>
      <c r="I905" s="786" t="s">
        <v>15</v>
      </c>
      <c r="J905" s="787"/>
      <c r="K905" s="784" t="s">
        <v>90</v>
      </c>
      <c r="L905" s="788"/>
      <c r="M905" s="784" t="s">
        <v>103</v>
      </c>
      <c r="N905" s="788"/>
      <c r="O905" s="788"/>
    </row>
    <row r="906" spans="2:15">
      <c r="C906" s="789">
        <f>IF(D900= "","-",D900)</f>
        <v>2016</v>
      </c>
      <c r="D906" s="737">
        <f>+D899</f>
        <v>8427428</v>
      </c>
      <c r="E906" s="790">
        <f>+I903/12*(12-D901)</f>
        <v>108043.94871794872</v>
      </c>
      <c r="F906" s="737">
        <f>+D906-E906</f>
        <v>8319384.051282051</v>
      </c>
      <c r="G906" s="999">
        <f>+$I$96*((D906+F906)/2)+E906</f>
        <v>1018259.8249483338</v>
      </c>
      <c r="H906" s="1000">
        <f>$I$97*((D906+F906)/2)+E906</f>
        <v>1018259.8249483338</v>
      </c>
      <c r="I906" s="793">
        <f>+H906-G906</f>
        <v>0</v>
      </c>
      <c r="J906" s="793"/>
      <c r="K906" s="1320">
        <v>3283917</v>
      </c>
      <c r="L906" s="794"/>
      <c r="M906" s="1320">
        <v>3283917</v>
      </c>
      <c r="N906" s="794"/>
      <c r="O906" s="794"/>
    </row>
    <row r="907" spans="2:15">
      <c r="C907" s="1338">
        <f>IF(D900="","-",+C906+1)</f>
        <v>2017</v>
      </c>
      <c r="D907" s="737">
        <f t="shared" ref="D907:D965" si="54">F906</f>
        <v>8319384.051282051</v>
      </c>
      <c r="E907" s="790">
        <f>IF(D907&gt;$I$903,$I$903,D907)</f>
        <v>216087.89743589744</v>
      </c>
      <c r="F907" s="737">
        <f t="shared" ref="F907:F965" si="55">+D907-E907</f>
        <v>8103296.153846154</v>
      </c>
      <c r="G907" s="795">
        <f t="shared" ref="G907:G965" si="56">+$I$96*((D907+F907)/2)+E907</f>
        <v>1108686.6921908555</v>
      </c>
      <c r="H907" s="796">
        <f t="shared" ref="H907:H965" si="57">$I$97*((D907+F907)/2)+E907</f>
        <v>1108686.6921908555</v>
      </c>
      <c r="I907" s="793">
        <f t="shared" ref="I907:I965" si="58">+H907-G907</f>
        <v>0</v>
      </c>
      <c r="J907" s="793"/>
      <c r="K907" s="1321">
        <v>3670194</v>
      </c>
      <c r="L907" s="797"/>
      <c r="M907" s="1321">
        <v>3670194</v>
      </c>
      <c r="N907" s="797"/>
      <c r="O907" s="797"/>
    </row>
    <row r="908" spans="2:15">
      <c r="C908" s="1338">
        <f>IF(D900="","-",+C907+1)</f>
        <v>2018</v>
      </c>
      <c r="D908" s="737">
        <f t="shared" si="54"/>
        <v>8103296.153846154</v>
      </c>
      <c r="E908" s="790">
        <f t="shared" ref="E908:E965" si="59">IF(D908&gt;$I$903,$I$903,D908)</f>
        <v>216087.89743589744</v>
      </c>
      <c r="F908" s="737">
        <f t="shared" si="55"/>
        <v>7887208.256410257</v>
      </c>
      <c r="G908" s="795">
        <f t="shared" si="56"/>
        <v>1085197.2502236201</v>
      </c>
      <c r="H908" s="796">
        <f t="shared" si="57"/>
        <v>1085197.2502236201</v>
      </c>
      <c r="I908" s="793">
        <f t="shared" si="58"/>
        <v>0</v>
      </c>
      <c r="J908" s="793"/>
      <c r="K908" s="1321">
        <v>1008641.5212835469</v>
      </c>
      <c r="L908" s="797"/>
      <c r="M908" s="1321">
        <v>1008641.5212835469</v>
      </c>
      <c r="N908" s="797"/>
      <c r="O908" s="797"/>
    </row>
    <row r="909" spans="2:15">
      <c r="C909" s="1338">
        <f>IF(D900="","-",+C908+1)</f>
        <v>2019</v>
      </c>
      <c r="D909" s="737">
        <f t="shared" si="54"/>
        <v>7887208.256410257</v>
      </c>
      <c r="E909" s="790">
        <f t="shared" si="59"/>
        <v>216087.89743589744</v>
      </c>
      <c r="F909" s="737">
        <f t="shared" si="55"/>
        <v>7671120.3589743599</v>
      </c>
      <c r="G909" s="795">
        <f t="shared" si="56"/>
        <v>1061707.8082563842</v>
      </c>
      <c r="H909" s="796">
        <f t="shared" si="57"/>
        <v>1061707.8082563842</v>
      </c>
      <c r="I909" s="793">
        <f t="shared" si="58"/>
        <v>0</v>
      </c>
      <c r="J909" s="793"/>
      <c r="K909" s="1321">
        <v>1042201.5959955344</v>
      </c>
      <c r="L909" s="797"/>
      <c r="M909" s="1321">
        <v>1042201.5959955344</v>
      </c>
      <c r="N909" s="797"/>
      <c r="O909" s="797"/>
    </row>
    <row r="910" spans="2:15">
      <c r="C910" s="1338">
        <f>IF(D900="","-",+C909+1)</f>
        <v>2020</v>
      </c>
      <c r="D910" s="737">
        <f t="shared" si="54"/>
        <v>7671120.3589743599</v>
      </c>
      <c r="E910" s="790">
        <f t="shared" si="59"/>
        <v>216087.89743589744</v>
      </c>
      <c r="F910" s="737">
        <f t="shared" si="55"/>
        <v>7455032.4615384629</v>
      </c>
      <c r="G910" s="795">
        <f t="shared" si="56"/>
        <v>1038218.3662891486</v>
      </c>
      <c r="H910" s="796">
        <f t="shared" si="57"/>
        <v>1038218.3662891486</v>
      </c>
      <c r="I910" s="793">
        <f t="shared" si="58"/>
        <v>0</v>
      </c>
      <c r="J910" s="793"/>
      <c r="K910" s="1321"/>
      <c r="L910" s="797"/>
      <c r="M910" s="1321"/>
      <c r="N910" s="797"/>
      <c r="O910" s="797"/>
    </row>
    <row r="911" spans="2:15">
      <c r="C911" s="1315">
        <f>IF(D900="","-",+C910+1)</f>
        <v>2021</v>
      </c>
      <c r="D911" s="737">
        <f t="shared" si="54"/>
        <v>7455032.4615384629</v>
      </c>
      <c r="E911" s="790">
        <f t="shared" si="59"/>
        <v>216087.89743589744</v>
      </c>
      <c r="F911" s="737">
        <f t="shared" si="55"/>
        <v>7238944.5641025659</v>
      </c>
      <c r="G911" s="795">
        <f t="shared" si="56"/>
        <v>1014728.9243219129</v>
      </c>
      <c r="H911" s="796">
        <f t="shared" si="57"/>
        <v>1014728.9243219129</v>
      </c>
      <c r="I911" s="793">
        <f t="shared" si="58"/>
        <v>0</v>
      </c>
      <c r="J911" s="793"/>
      <c r="K911" s="1321"/>
      <c r="L911" s="797"/>
      <c r="M911" s="1321"/>
      <c r="N911" s="797"/>
      <c r="O911" s="797"/>
    </row>
    <row r="912" spans="2:15">
      <c r="C912" s="789">
        <f>IF(D900="","-",+C911+1)</f>
        <v>2022</v>
      </c>
      <c r="D912" s="737">
        <f t="shared" si="54"/>
        <v>7238944.5641025659</v>
      </c>
      <c r="E912" s="790">
        <f t="shared" si="59"/>
        <v>216087.89743589744</v>
      </c>
      <c r="F912" s="737">
        <f t="shared" si="55"/>
        <v>7022856.6666666688</v>
      </c>
      <c r="G912" s="795">
        <f t="shared" si="56"/>
        <v>991239.48235467728</v>
      </c>
      <c r="H912" s="796">
        <f t="shared" si="57"/>
        <v>991239.48235467728</v>
      </c>
      <c r="I912" s="793">
        <f t="shared" si="58"/>
        <v>0</v>
      </c>
      <c r="J912" s="793"/>
      <c r="K912" s="1321"/>
      <c r="L912" s="797"/>
      <c r="M912" s="1321"/>
      <c r="N912" s="797"/>
      <c r="O912" s="797"/>
    </row>
    <row r="913" spans="3:15">
      <c r="C913" s="789">
        <f>IF(D900="","-",+C912+1)</f>
        <v>2023</v>
      </c>
      <c r="D913" s="737">
        <f t="shared" si="54"/>
        <v>7022856.6666666688</v>
      </c>
      <c r="E913" s="790">
        <f t="shared" si="59"/>
        <v>216087.89743589744</v>
      </c>
      <c r="F913" s="737">
        <f t="shared" si="55"/>
        <v>6806768.7692307718</v>
      </c>
      <c r="G913" s="795">
        <f t="shared" si="56"/>
        <v>967750.0403874414</v>
      </c>
      <c r="H913" s="796">
        <f t="shared" si="57"/>
        <v>967750.0403874414</v>
      </c>
      <c r="I913" s="793">
        <f t="shared" si="58"/>
        <v>0</v>
      </c>
      <c r="J913" s="793"/>
      <c r="K913" s="1321"/>
      <c r="L913" s="797"/>
      <c r="M913" s="1321"/>
      <c r="N913" s="797"/>
      <c r="O913" s="797"/>
    </row>
    <row r="914" spans="3:15">
      <c r="C914" s="789">
        <f>IF(D900="","-",+C913+1)</f>
        <v>2024</v>
      </c>
      <c r="D914" s="737">
        <f t="shared" si="54"/>
        <v>6806768.7692307718</v>
      </c>
      <c r="E914" s="790">
        <f t="shared" si="59"/>
        <v>216087.89743589744</v>
      </c>
      <c r="F914" s="737">
        <f t="shared" si="55"/>
        <v>6590680.8717948748</v>
      </c>
      <c r="G914" s="795">
        <f t="shared" si="56"/>
        <v>944260.59842020576</v>
      </c>
      <c r="H914" s="796">
        <f t="shared" si="57"/>
        <v>944260.59842020576</v>
      </c>
      <c r="I914" s="793">
        <f t="shared" si="58"/>
        <v>0</v>
      </c>
      <c r="J914" s="793"/>
      <c r="K914" s="1321"/>
      <c r="L914" s="797"/>
      <c r="M914" s="1321"/>
      <c r="N914" s="797"/>
      <c r="O914" s="797"/>
    </row>
    <row r="915" spans="3:15">
      <c r="C915" s="789">
        <f>IF(D900="","-",+C914+1)</f>
        <v>2025</v>
      </c>
      <c r="D915" s="737">
        <f t="shared" si="54"/>
        <v>6590680.8717948748</v>
      </c>
      <c r="E915" s="790">
        <f t="shared" si="59"/>
        <v>216087.89743589744</v>
      </c>
      <c r="F915" s="737">
        <f t="shared" si="55"/>
        <v>6374592.9743589777</v>
      </c>
      <c r="G915" s="795">
        <f t="shared" si="56"/>
        <v>920771.15645297011</v>
      </c>
      <c r="H915" s="796">
        <f t="shared" si="57"/>
        <v>920771.15645297011</v>
      </c>
      <c r="I915" s="793">
        <f t="shared" si="58"/>
        <v>0</v>
      </c>
      <c r="J915" s="793"/>
      <c r="K915" s="1321"/>
      <c r="L915" s="797"/>
      <c r="M915" s="1321"/>
      <c r="N915" s="797"/>
      <c r="O915" s="797"/>
    </row>
    <row r="916" spans="3:15">
      <c r="C916" s="789">
        <f>IF(D900="","-",+C915+1)</f>
        <v>2026</v>
      </c>
      <c r="D916" s="737">
        <f t="shared" si="54"/>
        <v>6374592.9743589777</v>
      </c>
      <c r="E916" s="790">
        <f t="shared" si="59"/>
        <v>216087.89743589744</v>
      </c>
      <c r="F916" s="737">
        <f t="shared" si="55"/>
        <v>6158505.0769230807</v>
      </c>
      <c r="G916" s="795">
        <f t="shared" si="56"/>
        <v>897281.71448573447</v>
      </c>
      <c r="H916" s="796">
        <f t="shared" si="57"/>
        <v>897281.71448573447</v>
      </c>
      <c r="I916" s="793">
        <f t="shared" si="58"/>
        <v>0</v>
      </c>
      <c r="J916" s="793"/>
      <c r="K916" s="1321"/>
      <c r="L916" s="797"/>
      <c r="M916" s="1321"/>
      <c r="N916" s="797"/>
      <c r="O916" s="797"/>
    </row>
    <row r="917" spans="3:15">
      <c r="C917" s="789">
        <f>IF(D900="","-",+C916+1)</f>
        <v>2027</v>
      </c>
      <c r="D917" s="737">
        <f t="shared" si="54"/>
        <v>6158505.0769230807</v>
      </c>
      <c r="E917" s="790">
        <f t="shared" si="59"/>
        <v>216087.89743589744</v>
      </c>
      <c r="F917" s="737">
        <f t="shared" si="55"/>
        <v>5942417.1794871837</v>
      </c>
      <c r="G917" s="795">
        <f t="shared" si="56"/>
        <v>873792.27251849859</v>
      </c>
      <c r="H917" s="796">
        <f t="shared" si="57"/>
        <v>873792.27251849859</v>
      </c>
      <c r="I917" s="793">
        <f t="shared" si="58"/>
        <v>0</v>
      </c>
      <c r="J917" s="793"/>
      <c r="K917" s="1321"/>
      <c r="L917" s="797"/>
      <c r="M917" s="1321"/>
      <c r="N917" s="797"/>
      <c r="O917" s="797"/>
    </row>
    <row r="918" spans="3:15">
      <c r="C918" s="789">
        <f>IF(D900="","-",+C917+1)</f>
        <v>2028</v>
      </c>
      <c r="D918" s="737">
        <f t="shared" si="54"/>
        <v>5942417.1794871837</v>
      </c>
      <c r="E918" s="790">
        <f t="shared" si="59"/>
        <v>216087.89743589744</v>
      </c>
      <c r="F918" s="737">
        <f t="shared" si="55"/>
        <v>5726329.2820512867</v>
      </c>
      <c r="G918" s="795">
        <f t="shared" si="56"/>
        <v>850302.83055126294</v>
      </c>
      <c r="H918" s="796">
        <f t="shared" si="57"/>
        <v>850302.83055126294</v>
      </c>
      <c r="I918" s="793">
        <f t="shared" si="58"/>
        <v>0</v>
      </c>
      <c r="J918" s="793"/>
      <c r="K918" s="1321"/>
      <c r="L918" s="797"/>
      <c r="M918" s="1321"/>
      <c r="N918" s="798"/>
      <c r="O918" s="797"/>
    </row>
    <row r="919" spans="3:15">
      <c r="C919" s="789">
        <f>IF(D900="","-",+C918+1)</f>
        <v>2029</v>
      </c>
      <c r="D919" s="737">
        <f t="shared" si="54"/>
        <v>5726329.2820512867</v>
      </c>
      <c r="E919" s="790">
        <f t="shared" si="59"/>
        <v>216087.89743589744</v>
      </c>
      <c r="F919" s="737">
        <f t="shared" si="55"/>
        <v>5510241.3846153896</v>
      </c>
      <c r="G919" s="795">
        <f t="shared" si="56"/>
        <v>826813.3885840273</v>
      </c>
      <c r="H919" s="796">
        <f t="shared" si="57"/>
        <v>826813.3885840273</v>
      </c>
      <c r="I919" s="793">
        <f t="shared" si="58"/>
        <v>0</v>
      </c>
      <c r="J919" s="793"/>
      <c r="K919" s="1321"/>
      <c r="L919" s="797"/>
      <c r="M919" s="1321"/>
      <c r="N919" s="797"/>
      <c r="O919" s="797"/>
    </row>
    <row r="920" spans="3:15">
      <c r="C920" s="789">
        <f>IF(D900="","-",+C919+1)</f>
        <v>2030</v>
      </c>
      <c r="D920" s="737">
        <f t="shared" si="54"/>
        <v>5510241.3846153896</v>
      </c>
      <c r="E920" s="790">
        <f t="shared" si="59"/>
        <v>216087.89743589744</v>
      </c>
      <c r="F920" s="737">
        <f t="shared" si="55"/>
        <v>5294153.4871794926</v>
      </c>
      <c r="G920" s="795">
        <f t="shared" si="56"/>
        <v>803323.94661679165</v>
      </c>
      <c r="H920" s="796">
        <f t="shared" si="57"/>
        <v>803323.94661679165</v>
      </c>
      <c r="I920" s="793">
        <f t="shared" si="58"/>
        <v>0</v>
      </c>
      <c r="J920" s="793"/>
      <c r="K920" s="1321"/>
      <c r="L920" s="797"/>
      <c r="M920" s="1321"/>
      <c r="N920" s="797"/>
      <c r="O920" s="797"/>
    </row>
    <row r="921" spans="3:15">
      <c r="C921" s="789">
        <f>IF(D900="","-",+C920+1)</f>
        <v>2031</v>
      </c>
      <c r="D921" s="737">
        <f t="shared" si="54"/>
        <v>5294153.4871794926</v>
      </c>
      <c r="E921" s="790">
        <f t="shared" si="59"/>
        <v>216087.89743589744</v>
      </c>
      <c r="F921" s="737">
        <f t="shared" si="55"/>
        <v>5078065.5897435956</v>
      </c>
      <c r="G921" s="795">
        <f t="shared" si="56"/>
        <v>779834.50464955578</v>
      </c>
      <c r="H921" s="796">
        <f t="shared" si="57"/>
        <v>779834.50464955578</v>
      </c>
      <c r="I921" s="793">
        <f t="shared" si="58"/>
        <v>0</v>
      </c>
      <c r="J921" s="793"/>
      <c r="K921" s="1321"/>
      <c r="L921" s="797"/>
      <c r="M921" s="1321"/>
      <c r="N921" s="797"/>
      <c r="O921" s="797"/>
    </row>
    <row r="922" spans="3:15">
      <c r="C922" s="789">
        <f>IF(D900="","-",+C921+1)</f>
        <v>2032</v>
      </c>
      <c r="D922" s="737">
        <f t="shared" si="54"/>
        <v>5078065.5897435956</v>
      </c>
      <c r="E922" s="790">
        <f t="shared" si="59"/>
        <v>216087.89743589744</v>
      </c>
      <c r="F922" s="737">
        <f t="shared" si="55"/>
        <v>4861977.6923076985</v>
      </c>
      <c r="G922" s="795">
        <f t="shared" si="56"/>
        <v>756345.06268232013</v>
      </c>
      <c r="H922" s="796">
        <f t="shared" si="57"/>
        <v>756345.06268232013</v>
      </c>
      <c r="I922" s="793">
        <f t="shared" si="58"/>
        <v>0</v>
      </c>
      <c r="J922" s="793"/>
      <c r="K922" s="1321"/>
      <c r="L922" s="797"/>
      <c r="M922" s="1321"/>
      <c r="N922" s="797"/>
      <c r="O922" s="797"/>
    </row>
    <row r="923" spans="3:15">
      <c r="C923" s="789">
        <f>IF(D900="","-",+C922+1)</f>
        <v>2033</v>
      </c>
      <c r="D923" s="737">
        <f t="shared" si="54"/>
        <v>4861977.6923076985</v>
      </c>
      <c r="E923" s="790">
        <f t="shared" si="59"/>
        <v>216087.89743589744</v>
      </c>
      <c r="F923" s="737">
        <f t="shared" si="55"/>
        <v>4645889.7948718015</v>
      </c>
      <c r="G923" s="795">
        <f t="shared" si="56"/>
        <v>732855.62071508449</v>
      </c>
      <c r="H923" s="796">
        <f t="shared" si="57"/>
        <v>732855.62071508449</v>
      </c>
      <c r="I923" s="793">
        <f t="shared" si="58"/>
        <v>0</v>
      </c>
      <c r="J923" s="793"/>
      <c r="K923" s="1321"/>
      <c r="L923" s="797"/>
      <c r="M923" s="1321"/>
      <c r="N923" s="797"/>
      <c r="O923" s="797"/>
    </row>
    <row r="924" spans="3:15">
      <c r="C924" s="789">
        <f>IF(D900="","-",+C923+1)</f>
        <v>2034</v>
      </c>
      <c r="D924" s="737">
        <f t="shared" si="54"/>
        <v>4645889.7948718015</v>
      </c>
      <c r="E924" s="790">
        <f t="shared" si="59"/>
        <v>216087.89743589744</v>
      </c>
      <c r="F924" s="737">
        <f t="shared" si="55"/>
        <v>4429801.8974359045</v>
      </c>
      <c r="G924" s="795">
        <f t="shared" si="56"/>
        <v>709366.17874784884</v>
      </c>
      <c r="H924" s="796">
        <f t="shared" si="57"/>
        <v>709366.17874784884</v>
      </c>
      <c r="I924" s="793">
        <f t="shared" si="58"/>
        <v>0</v>
      </c>
      <c r="J924" s="793"/>
      <c r="K924" s="1321"/>
      <c r="L924" s="797"/>
      <c r="M924" s="1321"/>
      <c r="N924" s="797"/>
      <c r="O924" s="797"/>
    </row>
    <row r="925" spans="3:15">
      <c r="C925" s="789">
        <f>IF(D900="","-",+C924+1)</f>
        <v>2035</v>
      </c>
      <c r="D925" s="737">
        <f t="shared" si="54"/>
        <v>4429801.8974359045</v>
      </c>
      <c r="E925" s="790">
        <f t="shared" si="59"/>
        <v>216087.89743589744</v>
      </c>
      <c r="F925" s="737">
        <f t="shared" si="55"/>
        <v>4213714.0000000075</v>
      </c>
      <c r="G925" s="795">
        <f t="shared" si="56"/>
        <v>685876.73678061296</v>
      </c>
      <c r="H925" s="796">
        <f t="shared" si="57"/>
        <v>685876.73678061296</v>
      </c>
      <c r="I925" s="793">
        <f t="shared" si="58"/>
        <v>0</v>
      </c>
      <c r="J925" s="793"/>
      <c r="K925" s="1321"/>
      <c r="L925" s="797"/>
      <c r="M925" s="1321"/>
      <c r="N925" s="797"/>
      <c r="O925" s="797"/>
    </row>
    <row r="926" spans="3:15">
      <c r="C926" s="789">
        <f>IF(D900="","-",+C925+1)</f>
        <v>2036</v>
      </c>
      <c r="D926" s="737">
        <f t="shared" si="54"/>
        <v>4213714.0000000075</v>
      </c>
      <c r="E926" s="790">
        <f t="shared" si="59"/>
        <v>216087.89743589744</v>
      </c>
      <c r="F926" s="737">
        <f t="shared" si="55"/>
        <v>3997626.10256411</v>
      </c>
      <c r="G926" s="795">
        <f t="shared" si="56"/>
        <v>662387.29481337732</v>
      </c>
      <c r="H926" s="796">
        <f t="shared" si="57"/>
        <v>662387.29481337732</v>
      </c>
      <c r="I926" s="793">
        <f t="shared" si="58"/>
        <v>0</v>
      </c>
      <c r="J926" s="793"/>
      <c r="K926" s="1321"/>
      <c r="L926" s="797"/>
      <c r="M926" s="1321"/>
      <c r="N926" s="797"/>
      <c r="O926" s="797"/>
    </row>
    <row r="927" spans="3:15">
      <c r="C927" s="789">
        <f>IF(D900="","-",+C926+1)</f>
        <v>2037</v>
      </c>
      <c r="D927" s="737">
        <f t="shared" si="54"/>
        <v>3997626.10256411</v>
      </c>
      <c r="E927" s="790">
        <f t="shared" si="59"/>
        <v>216087.89743589744</v>
      </c>
      <c r="F927" s="737">
        <f t="shared" si="55"/>
        <v>3781538.2051282125</v>
      </c>
      <c r="G927" s="795">
        <f t="shared" si="56"/>
        <v>638897.85284614167</v>
      </c>
      <c r="H927" s="796">
        <f t="shared" si="57"/>
        <v>638897.85284614167</v>
      </c>
      <c r="I927" s="793">
        <f t="shared" si="58"/>
        <v>0</v>
      </c>
      <c r="J927" s="793"/>
      <c r="K927" s="1321"/>
      <c r="L927" s="797"/>
      <c r="M927" s="1321"/>
      <c r="N927" s="797"/>
      <c r="O927" s="797"/>
    </row>
    <row r="928" spans="3:15">
      <c r="C928" s="789">
        <f>IF(D900="","-",+C927+1)</f>
        <v>2038</v>
      </c>
      <c r="D928" s="737">
        <f t="shared" si="54"/>
        <v>3781538.2051282125</v>
      </c>
      <c r="E928" s="790">
        <f t="shared" si="59"/>
        <v>216087.89743589744</v>
      </c>
      <c r="F928" s="737">
        <f t="shared" si="55"/>
        <v>3565450.307692315</v>
      </c>
      <c r="G928" s="795">
        <f t="shared" si="56"/>
        <v>615408.41087890579</v>
      </c>
      <c r="H928" s="796">
        <f t="shared" si="57"/>
        <v>615408.41087890579</v>
      </c>
      <c r="I928" s="793">
        <f t="shared" si="58"/>
        <v>0</v>
      </c>
      <c r="J928" s="793"/>
      <c r="K928" s="1321"/>
      <c r="L928" s="797"/>
      <c r="M928" s="1321"/>
      <c r="N928" s="797"/>
      <c r="O928" s="797"/>
    </row>
    <row r="929" spans="3:15">
      <c r="C929" s="789">
        <f>IF(D900="","-",+C928+1)</f>
        <v>2039</v>
      </c>
      <c r="D929" s="737">
        <f t="shared" si="54"/>
        <v>3565450.307692315</v>
      </c>
      <c r="E929" s="790">
        <f t="shared" si="59"/>
        <v>216087.89743589744</v>
      </c>
      <c r="F929" s="737">
        <f t="shared" si="55"/>
        <v>3349362.4102564175</v>
      </c>
      <c r="G929" s="795">
        <f t="shared" si="56"/>
        <v>591918.96891167015</v>
      </c>
      <c r="H929" s="796">
        <f t="shared" si="57"/>
        <v>591918.96891167015</v>
      </c>
      <c r="I929" s="793">
        <f t="shared" si="58"/>
        <v>0</v>
      </c>
      <c r="J929" s="793"/>
      <c r="K929" s="1321"/>
      <c r="L929" s="797"/>
      <c r="M929" s="1321"/>
      <c r="N929" s="797"/>
      <c r="O929" s="797"/>
    </row>
    <row r="930" spans="3:15">
      <c r="C930" s="789">
        <f>IF(D900="","-",+C929+1)</f>
        <v>2040</v>
      </c>
      <c r="D930" s="737">
        <f t="shared" si="54"/>
        <v>3349362.4102564175</v>
      </c>
      <c r="E930" s="790">
        <f t="shared" si="59"/>
        <v>216087.89743589744</v>
      </c>
      <c r="F930" s="737">
        <f t="shared" si="55"/>
        <v>3133274.51282052</v>
      </c>
      <c r="G930" s="795">
        <f t="shared" si="56"/>
        <v>568429.52694443427</v>
      </c>
      <c r="H930" s="796">
        <f t="shared" si="57"/>
        <v>568429.52694443427</v>
      </c>
      <c r="I930" s="793">
        <f t="shared" si="58"/>
        <v>0</v>
      </c>
      <c r="J930" s="793"/>
      <c r="K930" s="1321"/>
      <c r="L930" s="797"/>
      <c r="M930" s="1321"/>
      <c r="N930" s="797"/>
      <c r="O930" s="797"/>
    </row>
    <row r="931" spans="3:15">
      <c r="C931" s="789">
        <f>IF(D900="","-",+C930+1)</f>
        <v>2041</v>
      </c>
      <c r="D931" s="737">
        <f t="shared" si="54"/>
        <v>3133274.51282052</v>
      </c>
      <c r="E931" s="790">
        <f t="shared" si="59"/>
        <v>216087.89743589744</v>
      </c>
      <c r="F931" s="737">
        <f t="shared" si="55"/>
        <v>2917186.6153846225</v>
      </c>
      <c r="G931" s="795">
        <f t="shared" si="56"/>
        <v>544940.08497719862</v>
      </c>
      <c r="H931" s="796">
        <f t="shared" si="57"/>
        <v>544940.08497719862</v>
      </c>
      <c r="I931" s="793">
        <f t="shared" si="58"/>
        <v>0</v>
      </c>
      <c r="J931" s="793"/>
      <c r="K931" s="1321"/>
      <c r="L931" s="797"/>
      <c r="M931" s="1321"/>
      <c r="N931" s="797"/>
      <c r="O931" s="797"/>
    </row>
    <row r="932" spans="3:15">
      <c r="C932" s="789">
        <f>IF(D900="","-",+C931+1)</f>
        <v>2042</v>
      </c>
      <c r="D932" s="737">
        <f t="shared" si="54"/>
        <v>2917186.6153846225</v>
      </c>
      <c r="E932" s="790">
        <f t="shared" si="59"/>
        <v>216087.89743589744</v>
      </c>
      <c r="F932" s="737">
        <f t="shared" si="55"/>
        <v>2701098.717948725</v>
      </c>
      <c r="G932" s="795">
        <f t="shared" si="56"/>
        <v>521450.64300996286</v>
      </c>
      <c r="H932" s="796">
        <f t="shared" si="57"/>
        <v>521450.64300996286</v>
      </c>
      <c r="I932" s="793">
        <f t="shared" si="58"/>
        <v>0</v>
      </c>
      <c r="J932" s="793"/>
      <c r="K932" s="1321"/>
      <c r="L932" s="797"/>
      <c r="M932" s="1321"/>
      <c r="N932" s="797"/>
      <c r="O932" s="797"/>
    </row>
    <row r="933" spans="3:15">
      <c r="C933" s="789">
        <f>IF(D900="","-",+C932+1)</f>
        <v>2043</v>
      </c>
      <c r="D933" s="737">
        <f t="shared" si="54"/>
        <v>2701098.717948725</v>
      </c>
      <c r="E933" s="790">
        <f t="shared" si="59"/>
        <v>216087.89743589744</v>
      </c>
      <c r="F933" s="737">
        <f t="shared" si="55"/>
        <v>2485010.8205128275</v>
      </c>
      <c r="G933" s="795">
        <f t="shared" si="56"/>
        <v>497961.20104272716</v>
      </c>
      <c r="H933" s="796">
        <f t="shared" si="57"/>
        <v>497961.20104272716</v>
      </c>
      <c r="I933" s="793">
        <f t="shared" si="58"/>
        <v>0</v>
      </c>
      <c r="J933" s="793"/>
      <c r="K933" s="1321"/>
      <c r="L933" s="797"/>
      <c r="M933" s="1321"/>
      <c r="N933" s="797"/>
      <c r="O933" s="797"/>
    </row>
    <row r="934" spans="3:15">
      <c r="C934" s="789">
        <f>IF(D900="","-",+C933+1)</f>
        <v>2044</v>
      </c>
      <c r="D934" s="737">
        <f t="shared" si="54"/>
        <v>2485010.8205128275</v>
      </c>
      <c r="E934" s="790">
        <f t="shared" si="59"/>
        <v>216087.89743589744</v>
      </c>
      <c r="F934" s="737">
        <f t="shared" si="55"/>
        <v>2268922.92307693</v>
      </c>
      <c r="G934" s="791">
        <f t="shared" si="56"/>
        <v>474471.75907549134</v>
      </c>
      <c r="H934" s="796">
        <f t="shared" si="57"/>
        <v>474471.75907549134</v>
      </c>
      <c r="I934" s="793">
        <f t="shared" si="58"/>
        <v>0</v>
      </c>
      <c r="J934" s="793"/>
      <c r="K934" s="1321"/>
      <c r="L934" s="797"/>
      <c r="M934" s="1321"/>
      <c r="N934" s="797"/>
      <c r="O934" s="797"/>
    </row>
    <row r="935" spans="3:15">
      <c r="C935" s="789">
        <f>IF(D900="","-",+C934+1)</f>
        <v>2045</v>
      </c>
      <c r="D935" s="737">
        <f t="shared" si="54"/>
        <v>2268922.92307693</v>
      </c>
      <c r="E935" s="790">
        <f t="shared" si="59"/>
        <v>216087.89743589744</v>
      </c>
      <c r="F935" s="737">
        <f t="shared" si="55"/>
        <v>2052835.0256410325</v>
      </c>
      <c r="G935" s="795">
        <f t="shared" si="56"/>
        <v>450982.31710825564</v>
      </c>
      <c r="H935" s="796">
        <f t="shared" si="57"/>
        <v>450982.31710825564</v>
      </c>
      <c r="I935" s="793">
        <f t="shared" si="58"/>
        <v>0</v>
      </c>
      <c r="J935" s="793"/>
      <c r="K935" s="1321"/>
      <c r="L935" s="797"/>
      <c r="M935" s="1321"/>
      <c r="N935" s="797"/>
      <c r="O935" s="797"/>
    </row>
    <row r="936" spans="3:15">
      <c r="C936" s="789">
        <f>IF(D900="","-",+C935+1)</f>
        <v>2046</v>
      </c>
      <c r="D936" s="737">
        <f t="shared" si="54"/>
        <v>2052835.0256410325</v>
      </c>
      <c r="E936" s="790">
        <f t="shared" si="59"/>
        <v>216087.89743589744</v>
      </c>
      <c r="F936" s="737">
        <f t="shared" si="55"/>
        <v>1836747.128205135</v>
      </c>
      <c r="G936" s="795">
        <f t="shared" si="56"/>
        <v>427492.87514101987</v>
      </c>
      <c r="H936" s="796">
        <f t="shared" si="57"/>
        <v>427492.87514101987</v>
      </c>
      <c r="I936" s="793">
        <f t="shared" si="58"/>
        <v>0</v>
      </c>
      <c r="J936" s="793"/>
      <c r="K936" s="1321"/>
      <c r="L936" s="797"/>
      <c r="M936" s="1321"/>
      <c r="N936" s="797"/>
      <c r="O936" s="797"/>
    </row>
    <row r="937" spans="3:15">
      <c r="C937" s="789">
        <f>IF(D900="","-",+C936+1)</f>
        <v>2047</v>
      </c>
      <c r="D937" s="737">
        <f t="shared" si="54"/>
        <v>1836747.128205135</v>
      </c>
      <c r="E937" s="790">
        <f t="shared" si="59"/>
        <v>216087.89743589744</v>
      </c>
      <c r="F937" s="737">
        <f t="shared" si="55"/>
        <v>1620659.2307692375</v>
      </c>
      <c r="G937" s="795">
        <f t="shared" si="56"/>
        <v>404003.43317378411</v>
      </c>
      <c r="H937" s="796">
        <f t="shared" si="57"/>
        <v>404003.43317378411</v>
      </c>
      <c r="I937" s="793">
        <f t="shared" si="58"/>
        <v>0</v>
      </c>
      <c r="J937" s="793"/>
      <c r="K937" s="1321"/>
      <c r="L937" s="797"/>
      <c r="M937" s="1321"/>
      <c r="N937" s="797"/>
      <c r="O937" s="797"/>
    </row>
    <row r="938" spans="3:15">
      <c r="C938" s="789">
        <f>IF(D900="","-",+C937+1)</f>
        <v>2048</v>
      </c>
      <c r="D938" s="737">
        <f t="shared" si="54"/>
        <v>1620659.2307692375</v>
      </c>
      <c r="E938" s="790">
        <f t="shared" si="59"/>
        <v>216087.89743589744</v>
      </c>
      <c r="F938" s="737">
        <f t="shared" si="55"/>
        <v>1404571.33333334</v>
      </c>
      <c r="G938" s="795">
        <f t="shared" si="56"/>
        <v>380513.99120654841</v>
      </c>
      <c r="H938" s="796">
        <f t="shared" si="57"/>
        <v>380513.99120654841</v>
      </c>
      <c r="I938" s="793">
        <f t="shared" si="58"/>
        <v>0</v>
      </c>
      <c r="J938" s="793"/>
      <c r="K938" s="1321"/>
      <c r="L938" s="797"/>
      <c r="M938" s="1321"/>
      <c r="N938" s="797"/>
      <c r="O938" s="797"/>
    </row>
    <row r="939" spans="3:15">
      <c r="C939" s="789">
        <f>IF(D900="","-",+C938+1)</f>
        <v>2049</v>
      </c>
      <c r="D939" s="737">
        <f t="shared" si="54"/>
        <v>1404571.33333334</v>
      </c>
      <c r="E939" s="790">
        <f t="shared" si="59"/>
        <v>216087.89743589744</v>
      </c>
      <c r="F939" s="737">
        <f t="shared" si="55"/>
        <v>1188483.4358974425</v>
      </c>
      <c r="G939" s="795">
        <f t="shared" si="56"/>
        <v>357024.54923931265</v>
      </c>
      <c r="H939" s="796">
        <f t="shared" si="57"/>
        <v>357024.54923931265</v>
      </c>
      <c r="I939" s="793">
        <f t="shared" si="58"/>
        <v>0</v>
      </c>
      <c r="J939" s="793"/>
      <c r="K939" s="1321"/>
      <c r="L939" s="797"/>
      <c r="M939" s="1321"/>
      <c r="N939" s="797"/>
      <c r="O939" s="797"/>
    </row>
    <row r="940" spans="3:15">
      <c r="C940" s="789">
        <f>IF(D900="","-",+C939+1)</f>
        <v>2050</v>
      </c>
      <c r="D940" s="737">
        <f t="shared" si="54"/>
        <v>1188483.4358974425</v>
      </c>
      <c r="E940" s="790">
        <f t="shared" si="59"/>
        <v>216087.89743589744</v>
      </c>
      <c r="F940" s="737">
        <f t="shared" si="55"/>
        <v>972395.53846154502</v>
      </c>
      <c r="G940" s="795">
        <f t="shared" si="56"/>
        <v>333535.10727207689</v>
      </c>
      <c r="H940" s="796">
        <f t="shared" si="57"/>
        <v>333535.10727207689</v>
      </c>
      <c r="I940" s="793">
        <f t="shared" si="58"/>
        <v>0</v>
      </c>
      <c r="J940" s="793"/>
      <c r="K940" s="1321"/>
      <c r="L940" s="797"/>
      <c r="M940" s="1321"/>
      <c r="N940" s="797"/>
      <c r="O940" s="797"/>
    </row>
    <row r="941" spans="3:15">
      <c r="C941" s="789">
        <f>IF(D900="","-",+C940+1)</f>
        <v>2051</v>
      </c>
      <c r="D941" s="737">
        <f t="shared" si="54"/>
        <v>972395.53846154502</v>
      </c>
      <c r="E941" s="790">
        <f t="shared" si="59"/>
        <v>216087.89743589744</v>
      </c>
      <c r="F941" s="737">
        <f t="shared" si="55"/>
        <v>756307.64102564752</v>
      </c>
      <c r="G941" s="795">
        <f t="shared" si="56"/>
        <v>310045.66530484112</v>
      </c>
      <c r="H941" s="796">
        <f t="shared" si="57"/>
        <v>310045.66530484112</v>
      </c>
      <c r="I941" s="793">
        <f t="shared" si="58"/>
        <v>0</v>
      </c>
      <c r="J941" s="793"/>
      <c r="K941" s="1321"/>
      <c r="L941" s="797"/>
      <c r="M941" s="1321"/>
      <c r="N941" s="797"/>
      <c r="O941" s="797"/>
    </row>
    <row r="942" spans="3:15">
      <c r="C942" s="789">
        <f>IF(D900="","-",+C941+1)</f>
        <v>2052</v>
      </c>
      <c r="D942" s="737">
        <f t="shared" si="54"/>
        <v>756307.64102564752</v>
      </c>
      <c r="E942" s="790">
        <f t="shared" si="59"/>
        <v>216087.89743589744</v>
      </c>
      <c r="F942" s="737">
        <f t="shared" si="55"/>
        <v>540219.74358975003</v>
      </c>
      <c r="G942" s="795">
        <f t="shared" si="56"/>
        <v>286556.22333760536</v>
      </c>
      <c r="H942" s="796">
        <f t="shared" si="57"/>
        <v>286556.22333760536</v>
      </c>
      <c r="I942" s="793">
        <f t="shared" si="58"/>
        <v>0</v>
      </c>
      <c r="J942" s="793"/>
      <c r="K942" s="1321"/>
      <c r="L942" s="797"/>
      <c r="M942" s="1321"/>
      <c r="N942" s="797"/>
      <c r="O942" s="797"/>
    </row>
    <row r="943" spans="3:15">
      <c r="C943" s="789">
        <f>IF(D900="","-",+C942+1)</f>
        <v>2053</v>
      </c>
      <c r="D943" s="737">
        <f t="shared" si="54"/>
        <v>540219.74358975003</v>
      </c>
      <c r="E943" s="790">
        <f t="shared" si="59"/>
        <v>216087.89743589744</v>
      </c>
      <c r="F943" s="737">
        <f t="shared" si="55"/>
        <v>324131.84615385259</v>
      </c>
      <c r="G943" s="795">
        <f t="shared" si="56"/>
        <v>263066.7813703696</v>
      </c>
      <c r="H943" s="796">
        <f t="shared" si="57"/>
        <v>263066.7813703696</v>
      </c>
      <c r="I943" s="793">
        <f t="shared" si="58"/>
        <v>0</v>
      </c>
      <c r="J943" s="793"/>
      <c r="K943" s="1321"/>
      <c r="L943" s="797"/>
      <c r="M943" s="1321"/>
      <c r="N943" s="797"/>
      <c r="O943" s="797"/>
    </row>
    <row r="944" spans="3:15">
      <c r="C944" s="789">
        <f>IF(D900="","-",+C943+1)</f>
        <v>2054</v>
      </c>
      <c r="D944" s="737">
        <f t="shared" si="54"/>
        <v>324131.84615385259</v>
      </c>
      <c r="E944" s="790">
        <f t="shared" si="59"/>
        <v>216087.89743589744</v>
      </c>
      <c r="F944" s="737">
        <f t="shared" si="55"/>
        <v>108043.94871795515</v>
      </c>
      <c r="G944" s="795">
        <f t="shared" si="56"/>
        <v>239577.33940313387</v>
      </c>
      <c r="H944" s="796">
        <f t="shared" si="57"/>
        <v>239577.33940313387</v>
      </c>
      <c r="I944" s="793">
        <f t="shared" si="58"/>
        <v>0</v>
      </c>
      <c r="J944" s="793"/>
      <c r="K944" s="1321"/>
      <c r="L944" s="797"/>
      <c r="M944" s="1321"/>
      <c r="N944" s="797"/>
      <c r="O944" s="797"/>
    </row>
    <row r="945" spans="3:15">
      <c r="C945" s="789">
        <f>IF(D900="","-",+C944+1)</f>
        <v>2055</v>
      </c>
      <c r="D945" s="737">
        <f t="shared" si="54"/>
        <v>108043.94871795515</v>
      </c>
      <c r="E945" s="790">
        <f t="shared" si="59"/>
        <v>108043.94871795515</v>
      </c>
      <c r="F945" s="737">
        <f t="shared" si="55"/>
        <v>0</v>
      </c>
      <c r="G945" s="795">
        <f t="shared" si="56"/>
        <v>113916.30920976444</v>
      </c>
      <c r="H945" s="796">
        <f t="shared" si="57"/>
        <v>113916.30920976444</v>
      </c>
      <c r="I945" s="793">
        <f t="shared" si="58"/>
        <v>0</v>
      </c>
      <c r="J945" s="793"/>
      <c r="K945" s="1321"/>
      <c r="L945" s="797"/>
      <c r="M945" s="1321"/>
      <c r="N945" s="797"/>
      <c r="O945" s="797"/>
    </row>
    <row r="946" spans="3:15">
      <c r="C946" s="789">
        <f>IF(D900="","-",+C945+1)</f>
        <v>2056</v>
      </c>
      <c r="D946" s="737">
        <f t="shared" si="54"/>
        <v>0</v>
      </c>
      <c r="E946" s="790">
        <f t="shared" si="59"/>
        <v>0</v>
      </c>
      <c r="F946" s="737">
        <f t="shared" si="55"/>
        <v>0</v>
      </c>
      <c r="G946" s="795">
        <f t="shared" si="56"/>
        <v>0</v>
      </c>
      <c r="H946" s="796">
        <f t="shared" si="57"/>
        <v>0</v>
      </c>
      <c r="I946" s="793">
        <f t="shared" si="58"/>
        <v>0</v>
      </c>
      <c r="J946" s="793"/>
      <c r="K946" s="1321"/>
      <c r="L946" s="797"/>
      <c r="M946" s="1321"/>
      <c r="N946" s="797"/>
      <c r="O946" s="797"/>
    </row>
    <row r="947" spans="3:15">
      <c r="C947" s="789">
        <f>IF(D900="","-",+C946+1)</f>
        <v>2057</v>
      </c>
      <c r="D947" s="737">
        <f t="shared" si="54"/>
        <v>0</v>
      </c>
      <c r="E947" s="790">
        <f t="shared" si="59"/>
        <v>0</v>
      </c>
      <c r="F947" s="737">
        <f t="shared" si="55"/>
        <v>0</v>
      </c>
      <c r="G947" s="795">
        <f t="shared" si="56"/>
        <v>0</v>
      </c>
      <c r="H947" s="796">
        <f t="shared" si="57"/>
        <v>0</v>
      </c>
      <c r="I947" s="793">
        <f t="shared" si="58"/>
        <v>0</v>
      </c>
      <c r="J947" s="793"/>
      <c r="K947" s="1321"/>
      <c r="L947" s="797"/>
      <c r="M947" s="1321"/>
      <c r="N947" s="797"/>
      <c r="O947" s="797"/>
    </row>
    <row r="948" spans="3:15">
      <c r="C948" s="789">
        <f>IF(D900="","-",+C947+1)</f>
        <v>2058</v>
      </c>
      <c r="D948" s="737">
        <f t="shared" si="54"/>
        <v>0</v>
      </c>
      <c r="E948" s="790">
        <f t="shared" si="59"/>
        <v>0</v>
      </c>
      <c r="F948" s="737">
        <f t="shared" si="55"/>
        <v>0</v>
      </c>
      <c r="G948" s="795">
        <f t="shared" si="56"/>
        <v>0</v>
      </c>
      <c r="H948" s="796">
        <f t="shared" si="57"/>
        <v>0</v>
      </c>
      <c r="I948" s="793">
        <f t="shared" si="58"/>
        <v>0</v>
      </c>
      <c r="J948" s="793"/>
      <c r="K948" s="1321"/>
      <c r="L948" s="797"/>
      <c r="M948" s="1321"/>
      <c r="N948" s="797"/>
      <c r="O948" s="797"/>
    </row>
    <row r="949" spans="3:15">
      <c r="C949" s="789">
        <f>IF(D900="","-",+C948+1)</f>
        <v>2059</v>
      </c>
      <c r="D949" s="737">
        <f t="shared" si="54"/>
        <v>0</v>
      </c>
      <c r="E949" s="790">
        <f t="shared" si="59"/>
        <v>0</v>
      </c>
      <c r="F949" s="737">
        <f t="shared" si="55"/>
        <v>0</v>
      </c>
      <c r="G949" s="795">
        <f t="shared" si="56"/>
        <v>0</v>
      </c>
      <c r="H949" s="796">
        <f t="shared" si="57"/>
        <v>0</v>
      </c>
      <c r="I949" s="793">
        <f t="shared" si="58"/>
        <v>0</v>
      </c>
      <c r="J949" s="793"/>
      <c r="K949" s="1321"/>
      <c r="L949" s="797"/>
      <c r="M949" s="1321"/>
      <c r="N949" s="797"/>
      <c r="O949" s="797"/>
    </row>
    <row r="950" spans="3:15">
      <c r="C950" s="789">
        <f>IF(D900="","-",+C949+1)</f>
        <v>2060</v>
      </c>
      <c r="D950" s="737">
        <f t="shared" si="54"/>
        <v>0</v>
      </c>
      <c r="E950" s="790">
        <f t="shared" si="59"/>
        <v>0</v>
      </c>
      <c r="F950" s="737">
        <f t="shared" si="55"/>
        <v>0</v>
      </c>
      <c r="G950" s="795">
        <f t="shared" si="56"/>
        <v>0</v>
      </c>
      <c r="H950" s="796">
        <f t="shared" si="57"/>
        <v>0</v>
      </c>
      <c r="I950" s="793">
        <f t="shared" si="58"/>
        <v>0</v>
      </c>
      <c r="J950" s="793"/>
      <c r="K950" s="1321"/>
      <c r="L950" s="797"/>
      <c r="M950" s="1321"/>
      <c r="N950" s="797"/>
      <c r="O950" s="797"/>
    </row>
    <row r="951" spans="3:15">
      <c r="C951" s="789">
        <f>IF(D900="","-",+C950+1)</f>
        <v>2061</v>
      </c>
      <c r="D951" s="737">
        <f t="shared" si="54"/>
        <v>0</v>
      </c>
      <c r="E951" s="790">
        <f t="shared" si="59"/>
        <v>0</v>
      </c>
      <c r="F951" s="737">
        <f t="shared" si="55"/>
        <v>0</v>
      </c>
      <c r="G951" s="795">
        <f t="shared" si="56"/>
        <v>0</v>
      </c>
      <c r="H951" s="796">
        <f t="shared" si="57"/>
        <v>0</v>
      </c>
      <c r="I951" s="793">
        <f t="shared" si="58"/>
        <v>0</v>
      </c>
      <c r="J951" s="793"/>
      <c r="K951" s="1321"/>
      <c r="L951" s="797"/>
      <c r="M951" s="1321"/>
      <c r="N951" s="797"/>
      <c r="O951" s="797"/>
    </row>
    <row r="952" spans="3:15">
      <c r="C952" s="789">
        <f>IF(D900="","-",+C951+1)</f>
        <v>2062</v>
      </c>
      <c r="D952" s="737">
        <f t="shared" si="54"/>
        <v>0</v>
      </c>
      <c r="E952" s="790">
        <f t="shared" si="59"/>
        <v>0</v>
      </c>
      <c r="F952" s="737">
        <f t="shared" si="55"/>
        <v>0</v>
      </c>
      <c r="G952" s="795">
        <f t="shared" si="56"/>
        <v>0</v>
      </c>
      <c r="H952" s="796">
        <f t="shared" si="57"/>
        <v>0</v>
      </c>
      <c r="I952" s="793">
        <f t="shared" si="58"/>
        <v>0</v>
      </c>
      <c r="J952" s="793"/>
      <c r="K952" s="1321"/>
      <c r="L952" s="797"/>
      <c r="M952" s="1321"/>
      <c r="N952" s="797"/>
      <c r="O952" s="797"/>
    </row>
    <row r="953" spans="3:15">
      <c r="C953" s="789">
        <f>IF(D900="","-",+C952+1)</f>
        <v>2063</v>
      </c>
      <c r="D953" s="737">
        <f t="shared" si="54"/>
        <v>0</v>
      </c>
      <c r="E953" s="790">
        <f t="shared" si="59"/>
        <v>0</v>
      </c>
      <c r="F953" s="737">
        <f t="shared" si="55"/>
        <v>0</v>
      </c>
      <c r="G953" s="795">
        <f t="shared" si="56"/>
        <v>0</v>
      </c>
      <c r="H953" s="796">
        <f t="shared" si="57"/>
        <v>0</v>
      </c>
      <c r="I953" s="793">
        <f t="shared" si="58"/>
        <v>0</v>
      </c>
      <c r="J953" s="793"/>
      <c r="K953" s="1321"/>
      <c r="L953" s="797"/>
      <c r="M953" s="1321"/>
      <c r="N953" s="797"/>
      <c r="O953" s="797"/>
    </row>
    <row r="954" spans="3:15">
      <c r="C954" s="789">
        <f>IF(D900="","-",+C953+1)</f>
        <v>2064</v>
      </c>
      <c r="D954" s="737">
        <f t="shared" si="54"/>
        <v>0</v>
      </c>
      <c r="E954" s="790">
        <f t="shared" si="59"/>
        <v>0</v>
      </c>
      <c r="F954" s="737">
        <f t="shared" si="55"/>
        <v>0</v>
      </c>
      <c r="G954" s="795">
        <f t="shared" si="56"/>
        <v>0</v>
      </c>
      <c r="H954" s="796">
        <f t="shared" si="57"/>
        <v>0</v>
      </c>
      <c r="I954" s="793">
        <f t="shared" si="58"/>
        <v>0</v>
      </c>
      <c r="J954" s="793"/>
      <c r="K954" s="1321"/>
      <c r="L954" s="797"/>
      <c r="M954" s="1321"/>
      <c r="N954" s="797"/>
      <c r="O954" s="797"/>
    </row>
    <row r="955" spans="3:15">
      <c r="C955" s="789">
        <f>IF(D900="","-",+C954+1)</f>
        <v>2065</v>
      </c>
      <c r="D955" s="737">
        <f t="shared" si="54"/>
        <v>0</v>
      </c>
      <c r="E955" s="790">
        <f t="shared" si="59"/>
        <v>0</v>
      </c>
      <c r="F955" s="737">
        <f t="shared" si="55"/>
        <v>0</v>
      </c>
      <c r="G955" s="795">
        <f t="shared" si="56"/>
        <v>0</v>
      </c>
      <c r="H955" s="796">
        <f t="shared" si="57"/>
        <v>0</v>
      </c>
      <c r="I955" s="793">
        <f t="shared" si="58"/>
        <v>0</v>
      </c>
      <c r="J955" s="793"/>
      <c r="K955" s="1321"/>
      <c r="L955" s="797"/>
      <c r="M955" s="1321"/>
      <c r="N955" s="797"/>
      <c r="O955" s="797"/>
    </row>
    <row r="956" spans="3:15">
      <c r="C956" s="789">
        <f>IF(D900="","-",+C955+1)</f>
        <v>2066</v>
      </c>
      <c r="D956" s="737">
        <f t="shared" si="54"/>
        <v>0</v>
      </c>
      <c r="E956" s="790">
        <f t="shared" si="59"/>
        <v>0</v>
      </c>
      <c r="F956" s="737">
        <f t="shared" si="55"/>
        <v>0</v>
      </c>
      <c r="G956" s="795">
        <f t="shared" si="56"/>
        <v>0</v>
      </c>
      <c r="H956" s="796">
        <f t="shared" si="57"/>
        <v>0</v>
      </c>
      <c r="I956" s="793">
        <f t="shared" si="58"/>
        <v>0</v>
      </c>
      <c r="J956" s="793"/>
      <c r="K956" s="1321"/>
      <c r="L956" s="797"/>
      <c r="M956" s="1321"/>
      <c r="N956" s="797"/>
      <c r="O956" s="797"/>
    </row>
    <row r="957" spans="3:15">
      <c r="C957" s="789">
        <f>IF(D900="","-",+C956+1)</f>
        <v>2067</v>
      </c>
      <c r="D957" s="737">
        <f t="shared" si="54"/>
        <v>0</v>
      </c>
      <c r="E957" s="790">
        <f t="shared" si="59"/>
        <v>0</v>
      </c>
      <c r="F957" s="737">
        <f t="shared" si="55"/>
        <v>0</v>
      </c>
      <c r="G957" s="795">
        <f t="shared" si="56"/>
        <v>0</v>
      </c>
      <c r="H957" s="796">
        <f t="shared" si="57"/>
        <v>0</v>
      </c>
      <c r="I957" s="793">
        <f t="shared" si="58"/>
        <v>0</v>
      </c>
      <c r="J957" s="793"/>
      <c r="K957" s="1321"/>
      <c r="L957" s="797"/>
      <c r="M957" s="1321"/>
      <c r="N957" s="797"/>
      <c r="O957" s="797"/>
    </row>
    <row r="958" spans="3:15">
      <c r="C958" s="789">
        <f>IF(D900="","-",+C957+1)</f>
        <v>2068</v>
      </c>
      <c r="D958" s="737">
        <f t="shared" si="54"/>
        <v>0</v>
      </c>
      <c r="E958" s="790">
        <f t="shared" si="59"/>
        <v>0</v>
      </c>
      <c r="F958" s="737">
        <f t="shared" si="55"/>
        <v>0</v>
      </c>
      <c r="G958" s="795">
        <f t="shared" si="56"/>
        <v>0</v>
      </c>
      <c r="H958" s="796">
        <f t="shared" si="57"/>
        <v>0</v>
      </c>
      <c r="I958" s="793">
        <f t="shared" si="58"/>
        <v>0</v>
      </c>
      <c r="J958" s="793"/>
      <c r="K958" s="1321"/>
      <c r="L958" s="797"/>
      <c r="M958" s="1321"/>
      <c r="N958" s="797"/>
      <c r="O958" s="797"/>
    </row>
    <row r="959" spans="3:15">
      <c r="C959" s="789">
        <f>IF(D900="","-",+C958+1)</f>
        <v>2069</v>
      </c>
      <c r="D959" s="737">
        <f t="shared" si="54"/>
        <v>0</v>
      </c>
      <c r="E959" s="790">
        <f t="shared" si="59"/>
        <v>0</v>
      </c>
      <c r="F959" s="737">
        <f t="shared" si="55"/>
        <v>0</v>
      </c>
      <c r="G959" s="795">
        <f t="shared" si="56"/>
        <v>0</v>
      </c>
      <c r="H959" s="796">
        <f t="shared" si="57"/>
        <v>0</v>
      </c>
      <c r="I959" s="793">
        <f t="shared" si="58"/>
        <v>0</v>
      </c>
      <c r="J959" s="793"/>
      <c r="K959" s="1321"/>
      <c r="L959" s="797"/>
      <c r="M959" s="1321"/>
      <c r="N959" s="797"/>
      <c r="O959" s="797"/>
    </row>
    <row r="960" spans="3:15">
      <c r="C960" s="789">
        <f>IF(D900="","-",+C959+1)</f>
        <v>2070</v>
      </c>
      <c r="D960" s="737">
        <f t="shared" si="54"/>
        <v>0</v>
      </c>
      <c r="E960" s="790">
        <f t="shared" si="59"/>
        <v>0</v>
      </c>
      <c r="F960" s="737">
        <f t="shared" si="55"/>
        <v>0</v>
      </c>
      <c r="G960" s="795">
        <f t="shared" si="56"/>
        <v>0</v>
      </c>
      <c r="H960" s="796">
        <f t="shared" si="57"/>
        <v>0</v>
      </c>
      <c r="I960" s="793">
        <f t="shared" si="58"/>
        <v>0</v>
      </c>
      <c r="J960" s="793"/>
      <c r="K960" s="1321"/>
      <c r="L960" s="797"/>
      <c r="M960" s="1321"/>
      <c r="N960" s="797"/>
      <c r="O960" s="797"/>
    </row>
    <row r="961" spans="3:15">
      <c r="C961" s="789">
        <f>IF(D900="","-",+C960+1)</f>
        <v>2071</v>
      </c>
      <c r="D961" s="737">
        <f t="shared" si="54"/>
        <v>0</v>
      </c>
      <c r="E961" s="790">
        <f t="shared" si="59"/>
        <v>0</v>
      </c>
      <c r="F961" s="737">
        <f t="shared" si="55"/>
        <v>0</v>
      </c>
      <c r="G961" s="795">
        <f t="shared" si="56"/>
        <v>0</v>
      </c>
      <c r="H961" s="796">
        <f t="shared" si="57"/>
        <v>0</v>
      </c>
      <c r="I961" s="793">
        <f t="shared" si="58"/>
        <v>0</v>
      </c>
      <c r="J961" s="793"/>
      <c r="K961" s="1321"/>
      <c r="L961" s="797"/>
      <c r="M961" s="1321"/>
      <c r="N961" s="797"/>
      <c r="O961" s="797"/>
    </row>
    <row r="962" spans="3:15">
      <c r="C962" s="789">
        <f>IF(D900="","-",+C961+1)</f>
        <v>2072</v>
      </c>
      <c r="D962" s="737">
        <f t="shared" si="54"/>
        <v>0</v>
      </c>
      <c r="E962" s="790">
        <f t="shared" si="59"/>
        <v>0</v>
      </c>
      <c r="F962" s="737">
        <f t="shared" si="55"/>
        <v>0</v>
      </c>
      <c r="G962" s="795">
        <f t="shared" si="56"/>
        <v>0</v>
      </c>
      <c r="H962" s="796">
        <f t="shared" si="57"/>
        <v>0</v>
      </c>
      <c r="I962" s="793">
        <f t="shared" si="58"/>
        <v>0</v>
      </c>
      <c r="J962" s="793"/>
      <c r="K962" s="1321"/>
      <c r="L962" s="797"/>
      <c r="M962" s="1321"/>
      <c r="N962" s="797"/>
      <c r="O962" s="797"/>
    </row>
    <row r="963" spans="3:15">
      <c r="C963" s="789">
        <f>IF(D900="","-",+C962+1)</f>
        <v>2073</v>
      </c>
      <c r="D963" s="737">
        <f t="shared" si="54"/>
        <v>0</v>
      </c>
      <c r="E963" s="790">
        <f t="shared" si="59"/>
        <v>0</v>
      </c>
      <c r="F963" s="737">
        <f t="shared" si="55"/>
        <v>0</v>
      </c>
      <c r="G963" s="795">
        <f t="shared" si="56"/>
        <v>0</v>
      </c>
      <c r="H963" s="796">
        <f t="shared" si="57"/>
        <v>0</v>
      </c>
      <c r="I963" s="793">
        <f t="shared" si="58"/>
        <v>0</v>
      </c>
      <c r="J963" s="793"/>
      <c r="K963" s="1321"/>
      <c r="L963" s="797"/>
      <c r="M963" s="1321"/>
      <c r="N963" s="797"/>
      <c r="O963" s="797"/>
    </row>
    <row r="964" spans="3:15">
      <c r="C964" s="789">
        <f>IF(D900="","-",+C963+1)</f>
        <v>2074</v>
      </c>
      <c r="D964" s="737">
        <f t="shared" si="54"/>
        <v>0</v>
      </c>
      <c r="E964" s="790">
        <f t="shared" si="59"/>
        <v>0</v>
      </c>
      <c r="F964" s="737">
        <f t="shared" si="55"/>
        <v>0</v>
      </c>
      <c r="G964" s="795">
        <f t="shared" si="56"/>
        <v>0</v>
      </c>
      <c r="H964" s="796">
        <f t="shared" si="57"/>
        <v>0</v>
      </c>
      <c r="I964" s="793">
        <f t="shared" si="58"/>
        <v>0</v>
      </c>
      <c r="J964" s="793"/>
      <c r="K964" s="1321"/>
      <c r="L964" s="797"/>
      <c r="M964" s="1321"/>
      <c r="N964" s="797"/>
      <c r="O964" s="797"/>
    </row>
    <row r="965" spans="3:15" ht="13.5" thickBot="1">
      <c r="C965" s="799">
        <f>IF(D900="","-",+C964+1)</f>
        <v>2075</v>
      </c>
      <c r="D965" s="800">
        <f t="shared" si="54"/>
        <v>0</v>
      </c>
      <c r="E965" s="801">
        <f t="shared" si="59"/>
        <v>0</v>
      </c>
      <c r="F965" s="800">
        <f t="shared" si="55"/>
        <v>0</v>
      </c>
      <c r="G965" s="802">
        <f t="shared" si="56"/>
        <v>0</v>
      </c>
      <c r="H965" s="802">
        <f t="shared" si="57"/>
        <v>0</v>
      </c>
      <c r="I965" s="803">
        <f t="shared" si="58"/>
        <v>0</v>
      </c>
      <c r="J965" s="793"/>
      <c r="K965" s="1322"/>
      <c r="L965" s="804"/>
      <c r="M965" s="1322"/>
      <c r="N965" s="804"/>
      <c r="O965" s="804"/>
    </row>
    <row r="966" spans="3:15">
      <c r="C966" s="737" t="s">
        <v>91</v>
      </c>
      <c r="D966" s="731"/>
      <c r="E966" s="731">
        <f>SUM(E906:E965)</f>
        <v>8427428</v>
      </c>
      <c r="F966" s="731"/>
      <c r="G966" s="731">
        <f>SUM(G906:G965)</f>
        <v>26749192.734443903</v>
      </c>
      <c r="H966" s="731">
        <f>SUM(H906:H965)</f>
        <v>26749192.734443903</v>
      </c>
      <c r="I966" s="731">
        <f>SUM(I906:I965)</f>
        <v>0</v>
      </c>
      <c r="J966" s="731"/>
      <c r="K966" s="731"/>
      <c r="L966" s="731"/>
      <c r="M966" s="731"/>
      <c r="N966" s="731"/>
      <c r="O966" s="314"/>
    </row>
    <row r="967" spans="3:15">
      <c r="D967" s="539"/>
      <c r="E967" s="314"/>
      <c r="F967" s="314"/>
      <c r="G967" s="314"/>
      <c r="H967" s="709"/>
      <c r="I967" s="709"/>
      <c r="J967" s="731"/>
      <c r="K967" s="709"/>
      <c r="L967" s="709"/>
      <c r="M967" s="709"/>
      <c r="N967" s="709"/>
      <c r="O967" s="314"/>
    </row>
    <row r="968" spans="3:15">
      <c r="C968" s="314" t="s">
        <v>13</v>
      </c>
      <c r="D968" s="539"/>
      <c r="E968" s="314"/>
      <c r="F968" s="314"/>
      <c r="G968" s="314"/>
      <c r="H968" s="709"/>
      <c r="I968" s="709"/>
      <c r="J968" s="731"/>
      <c r="K968" s="709"/>
      <c r="L968" s="709"/>
      <c r="M968" s="709"/>
      <c r="N968" s="709"/>
      <c r="O968" s="314"/>
    </row>
    <row r="969" spans="3:15">
      <c r="C969" s="314"/>
      <c r="D969" s="539"/>
      <c r="E969" s="314"/>
      <c r="F969" s="314"/>
      <c r="G969" s="314"/>
      <c r="H969" s="709"/>
      <c r="I969" s="709"/>
      <c r="J969" s="731"/>
      <c r="K969" s="709"/>
      <c r="L969" s="709"/>
      <c r="M969" s="709"/>
      <c r="N969" s="709"/>
      <c r="O969" s="314"/>
    </row>
    <row r="970" spans="3:15">
      <c r="C970" s="750" t="s">
        <v>14</v>
      </c>
      <c r="D970" s="737"/>
      <c r="E970" s="737"/>
      <c r="F970" s="737"/>
      <c r="G970" s="731"/>
      <c r="H970" s="731"/>
      <c r="I970" s="805"/>
      <c r="J970" s="805"/>
      <c r="K970" s="805"/>
      <c r="L970" s="805"/>
      <c r="M970" s="805"/>
      <c r="N970" s="805"/>
      <c r="O970" s="314"/>
    </row>
    <row r="971" spans="3:15">
      <c r="C971" s="736" t="s">
        <v>271</v>
      </c>
      <c r="D971" s="737"/>
      <c r="E971" s="737"/>
      <c r="F971" s="737"/>
      <c r="G971" s="731"/>
      <c r="H971" s="731"/>
      <c r="I971" s="805"/>
      <c r="J971" s="805"/>
      <c r="K971" s="805"/>
      <c r="L971" s="805"/>
      <c r="M971" s="805"/>
      <c r="N971" s="805"/>
      <c r="O971" s="314"/>
    </row>
    <row r="972" spans="3:15">
      <c r="C972" s="736" t="s">
        <v>92</v>
      </c>
      <c r="D972" s="737"/>
      <c r="E972" s="737"/>
      <c r="F972" s="737"/>
      <c r="G972" s="731"/>
      <c r="H972" s="731"/>
      <c r="I972" s="805"/>
      <c r="J972" s="805"/>
      <c r="K972" s="805"/>
      <c r="L972" s="805"/>
      <c r="M972" s="805"/>
      <c r="N972" s="805"/>
      <c r="O972" s="314"/>
    </row>
    <row r="973" spans="3:15">
      <c r="C973" s="736"/>
      <c r="D973" s="737"/>
      <c r="E973" s="737"/>
      <c r="F973" s="737"/>
      <c r="G973" s="731"/>
      <c r="H973" s="731"/>
      <c r="I973" s="805"/>
      <c r="J973" s="805"/>
      <c r="K973" s="805"/>
      <c r="L973" s="805"/>
      <c r="M973" s="805"/>
      <c r="N973" s="805"/>
      <c r="O973" s="314"/>
    </row>
    <row r="974" spans="3:15">
      <c r="C974" s="1491" t="s">
        <v>6</v>
      </c>
      <c r="D974" s="1491"/>
      <c r="E974" s="1491"/>
      <c r="F974" s="1491"/>
      <c r="G974" s="1491"/>
      <c r="H974" s="1491"/>
      <c r="I974" s="1491"/>
      <c r="J974" s="1491"/>
      <c r="K974" s="1491"/>
      <c r="L974" s="1491"/>
      <c r="M974" s="1491"/>
      <c r="N974" s="1491"/>
      <c r="O974" s="1491"/>
    </row>
    <row r="975" spans="3:15">
      <c r="C975" s="1491"/>
      <c r="D975" s="1491"/>
      <c r="E975" s="1491"/>
      <c r="F975" s="1491"/>
      <c r="G975" s="1491"/>
      <c r="H975" s="1491"/>
      <c r="I975" s="1491"/>
      <c r="J975" s="1491"/>
      <c r="K975" s="1491"/>
      <c r="L975" s="1491"/>
      <c r="M975" s="1491"/>
      <c r="N975" s="1491"/>
      <c r="O975" s="1491"/>
    </row>
  </sheetData>
  <mergeCells count="36">
    <mergeCell ref="C705:O706"/>
    <mergeCell ref="D895:I896"/>
    <mergeCell ref="K899:O899"/>
    <mergeCell ref="C974:O975"/>
    <mergeCell ref="C883:O884"/>
    <mergeCell ref="D715:I716"/>
    <mergeCell ref="K719:O719"/>
    <mergeCell ref="C794:O795"/>
    <mergeCell ref="D804:I805"/>
    <mergeCell ref="K808:O808"/>
    <mergeCell ref="D537:I538"/>
    <mergeCell ref="K541:O541"/>
    <mergeCell ref="C616:O617"/>
    <mergeCell ref="D626:I627"/>
    <mergeCell ref="K630:O630"/>
    <mergeCell ref="C169:O170"/>
    <mergeCell ref="K94:O94"/>
    <mergeCell ref="A3:O3"/>
    <mergeCell ref="C11:H12"/>
    <mergeCell ref="A4:O4"/>
    <mergeCell ref="A5:O5"/>
    <mergeCell ref="A6:O6"/>
    <mergeCell ref="I77:O80"/>
    <mergeCell ref="K22:O23"/>
    <mergeCell ref="C527:O528"/>
    <mergeCell ref="K184:O184"/>
    <mergeCell ref="C259:O260"/>
    <mergeCell ref="D180:I181"/>
    <mergeCell ref="D269:I270"/>
    <mergeCell ref="K273:O273"/>
    <mergeCell ref="C348:O349"/>
    <mergeCell ref="D358:I359"/>
    <mergeCell ref="K362:O362"/>
    <mergeCell ref="C437:O438"/>
    <mergeCell ref="D448:I449"/>
    <mergeCell ref="K452:O452"/>
  </mergeCells>
  <phoneticPr fontId="0" type="noConversion"/>
  <conditionalFormatting sqref="C101:C160">
    <cfRule type="cellIs" dxfId="16" priority="23" stopIfTrue="1" operator="equal">
      <formula>$I$92</formula>
    </cfRule>
  </conditionalFormatting>
  <conditionalFormatting sqref="C191:C196 C199:C250">
    <cfRule type="cellIs" dxfId="15" priority="12" stopIfTrue="1" operator="equal">
      <formula>$I$92</formula>
    </cfRule>
  </conditionalFormatting>
  <conditionalFormatting sqref="C280:C285 C288:C339">
    <cfRule type="cellIs" dxfId="14" priority="11" stopIfTrue="1" operator="equal">
      <formula>$I$92</formula>
    </cfRule>
  </conditionalFormatting>
  <conditionalFormatting sqref="C369:C428">
    <cfRule type="cellIs" dxfId="13" priority="10" stopIfTrue="1" operator="equal">
      <formula>$I$92</formula>
    </cfRule>
  </conditionalFormatting>
  <conditionalFormatting sqref="C459:C518">
    <cfRule type="cellIs" dxfId="12" priority="9" stopIfTrue="1" operator="equal">
      <formula>$I$92</formula>
    </cfRule>
  </conditionalFormatting>
  <conditionalFormatting sqref="C548:C607">
    <cfRule type="cellIs" dxfId="11" priority="8" stopIfTrue="1" operator="equal">
      <formula>$I$92</formula>
    </cfRule>
  </conditionalFormatting>
  <conditionalFormatting sqref="C637:C696">
    <cfRule type="cellIs" dxfId="10" priority="7" stopIfTrue="1" operator="equal">
      <formula>$I$92</formula>
    </cfRule>
  </conditionalFormatting>
  <conditionalFormatting sqref="C726:C785">
    <cfRule type="cellIs" dxfId="9" priority="6" stopIfTrue="1" operator="equal">
      <formula>$I$92</formula>
    </cfRule>
  </conditionalFormatting>
  <conditionalFormatting sqref="C815:C874">
    <cfRule type="cellIs" dxfId="8" priority="5" stopIfTrue="1" operator="equal">
      <formula>$I$92</formula>
    </cfRule>
  </conditionalFormatting>
  <conditionalFormatting sqref="C906:C965">
    <cfRule type="cellIs" dxfId="7" priority="4" stopIfTrue="1" operator="equal">
      <formula>$I$92</formula>
    </cfRule>
  </conditionalFormatting>
  <conditionalFormatting sqref="C197:C199">
    <cfRule type="cellIs" dxfId="6" priority="3" stopIfTrue="1" operator="equal">
      <formula>$I$92</formula>
    </cfRule>
  </conditionalFormatting>
  <conditionalFormatting sqref="C286:C288">
    <cfRule type="cellIs" dxfId="5" priority="2"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8" manualBreakCount="8">
    <brk id="80" max="14" man="1"/>
    <brk id="260" max="14" man="1"/>
    <brk id="349" max="14" man="1"/>
    <brk id="439" max="14" man="1"/>
    <brk id="528" max="14" man="1"/>
    <brk id="617" max="14" man="1"/>
    <brk id="706" max="14" man="1"/>
    <brk id="795"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6</v>
      </c>
    </row>
    <row r="2" spans="1:17" ht="15.75">
      <c r="A2" s="1006" t="s">
        <v>637</v>
      </c>
    </row>
    <row r="3" spans="1:17"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1441" t="str">
        <f>TCOS!$F$5</f>
        <v>AEPTCo subsidiaries in PJM</v>
      </c>
      <c r="K3" s="1441" t="str">
        <f>TCOS!$F$5</f>
        <v>AEPTCo subsidiaries in PJM</v>
      </c>
      <c r="L3" s="1441" t="str">
        <f>TCOS!$F$5</f>
        <v>AEPTCo subsidiaries in PJM</v>
      </c>
      <c r="M3" s="1441" t="str">
        <f>TCOS!$F$5</f>
        <v>AEPTCo subsidiaries in PJM</v>
      </c>
      <c r="N3" s="1441" t="str">
        <f>TCOS!$F$5</f>
        <v>AEPTCo subsidiaries in PJM</v>
      </c>
      <c r="O3" s="1441" t="str">
        <f>TCOS!$F$5</f>
        <v>AEPTCo subsidiaries in PJM</v>
      </c>
      <c r="P3" s="1441" t="str">
        <f>TCOS!$F$5</f>
        <v>AEPTCo subsidiaries in PJM</v>
      </c>
      <c r="Q3" s="156"/>
    </row>
    <row r="4" spans="1:17" ht="15">
      <c r="A4" s="1464" t="str">
        <f>"Cost of Service Formula Rate Using Actual/Projected FF1 Balances"</f>
        <v>Cost of Service Formula Rate Using Actual/Projected FF1 Balances</v>
      </c>
      <c r="B4" s="1464"/>
      <c r="C4" s="1464"/>
      <c r="D4" s="1464"/>
      <c r="E4" s="1464"/>
      <c r="F4" s="1464"/>
      <c r="G4" s="1464"/>
      <c r="H4" s="1464"/>
      <c r="I4" s="1464"/>
      <c r="J4" s="1464"/>
      <c r="K4" s="1464"/>
      <c r="L4" s="1464"/>
      <c r="M4" s="1464"/>
      <c r="N4" s="1464"/>
      <c r="O4" s="1464"/>
      <c r="P4" s="1464"/>
      <c r="Q4" s="156"/>
    </row>
    <row r="5" spans="1:17" ht="15">
      <c r="A5" s="1464" t="s">
        <v>265</v>
      </c>
      <c r="B5" s="1464"/>
      <c r="C5" s="1464"/>
      <c r="D5" s="1464"/>
      <c r="E5" s="1464"/>
      <c r="F5" s="1464"/>
      <c r="G5" s="1464"/>
      <c r="H5" s="1464"/>
      <c r="I5" s="1464"/>
      <c r="J5" s="1464"/>
      <c r="K5" s="1464"/>
      <c r="L5" s="1464"/>
      <c r="M5" s="1464"/>
      <c r="N5" s="1464"/>
      <c r="O5" s="1464"/>
      <c r="P5" s="1464"/>
      <c r="Q5" s="156"/>
    </row>
    <row r="6" spans="1:17" ht="15">
      <c r="A6" s="1465" t="str">
        <f>TCOS!F9</f>
        <v>AEP Indiana Michigan Transmission Company</v>
      </c>
      <c r="B6" s="1465"/>
      <c r="C6" s="1465"/>
      <c r="D6" s="1465"/>
      <c r="E6" s="1465"/>
      <c r="F6" s="1465"/>
      <c r="G6" s="1465"/>
      <c r="H6" s="1465"/>
      <c r="I6" s="1465"/>
      <c r="J6" s="1465"/>
      <c r="K6" s="1465"/>
      <c r="L6" s="1465"/>
      <c r="M6" s="1465"/>
      <c r="N6" s="1465"/>
      <c r="O6" s="1465"/>
      <c r="P6" s="1465"/>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71</v>
      </c>
      <c r="C11" s="1492" t="str">
        <f>"Calculate Return and Income Taxes with "&amp;F17&amp;" basis point ROE increase for Projects Qualified for Regional Billing."</f>
        <v>Calculate Return and Income Taxes with 0 basis point ROE increase for Projects Qualified for Regional Billing.</v>
      </c>
      <c r="D11" s="1493"/>
      <c r="E11" s="1493"/>
      <c r="F11" s="1493"/>
      <c r="G11" s="1493"/>
      <c r="H11" s="1493"/>
      <c r="I11" s="1493"/>
      <c r="Q11" s="156"/>
    </row>
    <row r="12" spans="1:17" ht="18.75" customHeight="1">
      <c r="C12" s="1493"/>
      <c r="D12" s="1493"/>
      <c r="E12" s="1493"/>
      <c r="F12" s="1493"/>
      <c r="G12" s="1493"/>
      <c r="H12" s="1493"/>
      <c r="I12" s="1493"/>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50</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42</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52</v>
      </c>
      <c r="O19" s="665" t="s">
        <v>53</v>
      </c>
      <c r="P19" s="820" t="s">
        <v>55</v>
      </c>
    </row>
    <row r="20" spans="3:17">
      <c r="C20" s="665"/>
      <c r="D20" s="670" t="s">
        <v>446</v>
      </c>
      <c r="E20" s="670" t="s">
        <v>445</v>
      </c>
      <c r="F20" s="671" t="s">
        <v>51</v>
      </c>
      <c r="G20" s="671"/>
      <c r="H20" s="662"/>
      <c r="I20" s="664"/>
      <c r="J20" s="664"/>
      <c r="K20" s="665"/>
      <c r="L20" s="819" t="s">
        <v>240</v>
      </c>
      <c r="M20" s="821" t="str">
        <f>+TCOS!O3</f>
        <v xml:space="preserve"> </v>
      </c>
      <c r="N20" s="426"/>
      <c r="O20" s="426"/>
      <c r="P20" s="822"/>
    </row>
    <row r="21" spans="3:17">
      <c r="C21" s="672" t="s">
        <v>56</v>
      </c>
      <c r="D21" s="823">
        <f>TCOS!H233</f>
        <v>0.45259766040314414</v>
      </c>
      <c r="E21" s="674">
        <f>TCOS!J233</f>
        <v>3.7263588203395488E-2</v>
      </c>
      <c r="F21" s="675">
        <f>E21*D21</f>
        <v>1.6865412839083001E-2</v>
      </c>
      <c r="G21" s="675"/>
      <c r="H21" s="662"/>
      <c r="I21" s="664"/>
      <c r="J21" s="676"/>
      <c r="K21" s="677"/>
      <c r="L21" s="824"/>
      <c r="M21" s="766" t="s">
        <v>241</v>
      </c>
      <c r="N21" s="957" t="e">
        <f>+M88+#REF!+#REF!+#REF!+#REF!+#REF!+#REF!+#REF!</f>
        <v>#N/A</v>
      </c>
      <c r="O21" s="957" t="e">
        <f>+N88+#REF!+#REF!+#REF!+#REF!+#REF!+#REF!+#REF!</f>
        <v>#N/A</v>
      </c>
      <c r="P21" s="825" t="e">
        <f>+O21-N21</f>
        <v>#N/A</v>
      </c>
    </row>
    <row r="22" spans="3:17" ht="13.5" thickBot="1">
      <c r="C22" s="672" t="s">
        <v>57</v>
      </c>
      <c r="D22" s="823">
        <f>TCOS!H234</f>
        <v>0</v>
      </c>
      <c r="E22" s="674">
        <f>TCOS!J234</f>
        <v>0</v>
      </c>
      <c r="F22" s="675">
        <f>E22*D22</f>
        <v>0</v>
      </c>
      <c r="G22" s="675"/>
      <c r="H22" s="678"/>
      <c r="I22" s="678"/>
      <c r="J22" s="679"/>
      <c r="K22" s="680"/>
      <c r="L22" s="824"/>
      <c r="M22" s="766" t="s">
        <v>622</v>
      </c>
      <c r="N22" s="958" t="e">
        <f>M89+#REF!+#REF!+#REF!+#REF!+#REF!+#REF!+#REF!+#REF!</f>
        <v>#N/A</v>
      </c>
      <c r="O22" s="958" t="e">
        <f>N89+#REF!+#REF!+#REF!+#REF!+#REF!+#REF!+#REF!+#REF!</f>
        <v>#N/A</v>
      </c>
      <c r="P22" s="826" t="e">
        <f>+O22-N22</f>
        <v>#N/A</v>
      </c>
      <c r="Q22" s="680"/>
    </row>
    <row r="23" spans="3:17">
      <c r="C23" s="681" t="s">
        <v>29</v>
      </c>
      <c r="D23" s="823">
        <f>TCOS!H235</f>
        <v>0.5474023395968558</v>
      </c>
      <c r="E23" s="674">
        <f>+F18</f>
        <v>0.10349999999999999</v>
      </c>
      <c r="F23" s="682">
        <f>E23*D23</f>
        <v>5.6656142148274573E-2</v>
      </c>
      <c r="G23" s="682"/>
      <c r="H23" s="678"/>
      <c r="I23" s="678"/>
      <c r="J23" s="679"/>
      <c r="K23" s="680"/>
      <c r="L23" s="824"/>
      <c r="M23" s="766" t="str">
        <f>"True-up of ARR For "&amp;TCOS!L4&amp;""</f>
        <v>True-up of ARR For 2021</v>
      </c>
      <c r="N23" s="737" t="e">
        <f>+N22-N21</f>
        <v>#N/A</v>
      </c>
      <c r="O23" s="737" t="e">
        <f>+O22-O21</f>
        <v>#N/A</v>
      </c>
      <c r="P23" s="827" t="e">
        <f>+P22-P21</f>
        <v>#N/A</v>
      </c>
      <c r="Q23" s="680"/>
    </row>
    <row r="24" spans="3:17">
      <c r="C24" s="661"/>
      <c r="D24" s="173"/>
      <c r="E24" s="683" t="s">
        <v>58</v>
      </c>
      <c r="F24" s="675">
        <f>SUM(F21:F23)</f>
        <v>7.3521554987357574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2392640778.1492734</v>
      </c>
      <c r="F28" s="831"/>
      <c r="G28" s="831"/>
      <c r="H28" s="689"/>
      <c r="I28" s="689"/>
      <c r="J28" s="689"/>
      <c r="K28" s="689"/>
      <c r="L28" s="689"/>
      <c r="M28" s="689"/>
      <c r="N28" s="689"/>
      <c r="O28" s="689"/>
      <c r="P28" s="831"/>
      <c r="Q28" s="689"/>
    </row>
    <row r="29" spans="3:17">
      <c r="C29" s="665" t="s">
        <v>60</v>
      </c>
      <c r="D29" s="701"/>
      <c r="E29" s="675">
        <f>F24</f>
        <v>7.3521554987357574E-2</v>
      </c>
      <c r="F29" s="689"/>
      <c r="G29" s="689"/>
      <c r="H29" s="689"/>
      <c r="I29" s="689"/>
      <c r="J29" s="689"/>
      <c r="K29" s="689"/>
      <c r="L29" s="689"/>
      <c r="M29" s="689"/>
      <c r="N29" s="689"/>
      <c r="O29" s="689"/>
      <c r="P29" s="689"/>
      <c r="Q29" s="689"/>
    </row>
    <row r="30" spans="3:17">
      <c r="C30" s="702" t="s">
        <v>61</v>
      </c>
      <c r="D30" s="702"/>
      <c r="E30" s="679">
        <f>E28*E29</f>
        <v>175910670.53569582</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62</v>
      </c>
      <c r="D34" s="683"/>
      <c r="E34" s="707">
        <f>E30</f>
        <v>175910670.53569582</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6096188557981759</v>
      </c>
      <c r="F35" s="314"/>
      <c r="G35" s="314"/>
      <c r="H35" s="314"/>
      <c r="I35" s="709"/>
      <c r="J35" s="314"/>
      <c r="K35" s="426"/>
      <c r="Q35" s="426"/>
    </row>
    <row r="36" spans="2:17">
      <c r="C36" s="703" t="s">
        <v>63</v>
      </c>
      <c r="D36" s="539"/>
      <c r="E36" s="710">
        <f>E34*E35</f>
        <v>45905980.276605241</v>
      </c>
      <c r="F36" s="314"/>
      <c r="G36" s="314"/>
      <c r="H36" s="314"/>
      <c r="I36" s="709"/>
      <c r="J36" s="314"/>
      <c r="K36" s="426"/>
      <c r="Q36" s="426"/>
    </row>
    <row r="37" spans="2:17" ht="15">
      <c r="C37" s="661" t="s">
        <v>105</v>
      </c>
      <c r="D37" s="326"/>
      <c r="E37" s="711">
        <f>TCOS!L178</f>
        <v>0</v>
      </c>
      <c r="F37" s="326"/>
      <c r="G37" s="326"/>
      <c r="H37" s="326"/>
      <c r="I37" s="326"/>
      <c r="J37" s="326"/>
      <c r="K37" s="326"/>
      <c r="L37" s="326"/>
      <c r="M37" s="326"/>
      <c r="N37" s="326"/>
      <c r="O37" s="326"/>
      <c r="P37" s="231"/>
      <c r="Q37" s="326"/>
    </row>
    <row r="38" spans="2:17" ht="15">
      <c r="C38" s="661" t="s">
        <v>560</v>
      </c>
      <c r="D38" s="326"/>
      <c r="E38" s="711">
        <f>TCOS!L179</f>
        <v>1531065.8577316727</v>
      </c>
      <c r="F38" s="326"/>
      <c r="G38" s="326"/>
      <c r="H38" s="326"/>
      <c r="I38" s="326"/>
      <c r="J38" s="326"/>
      <c r="K38" s="326"/>
      <c r="L38" s="326"/>
      <c r="M38" s="326"/>
      <c r="N38" s="326"/>
      <c r="O38" s="326"/>
      <c r="P38" s="231"/>
      <c r="Q38" s="326"/>
    </row>
    <row r="39" spans="2:17" ht="15">
      <c r="C39" s="661" t="s">
        <v>562</v>
      </c>
      <c r="D39" s="326"/>
      <c r="E39" s="832">
        <f>TCOS!L180</f>
        <v>511238.25353324017</v>
      </c>
      <c r="F39" s="326"/>
      <c r="G39" s="326"/>
      <c r="H39" s="326"/>
      <c r="I39" s="326"/>
      <c r="J39" s="326"/>
      <c r="K39" s="326"/>
      <c r="L39" s="326"/>
      <c r="M39" s="326"/>
      <c r="N39" s="326"/>
      <c r="O39" s="326"/>
      <c r="P39" s="231"/>
      <c r="Q39" s="326"/>
    </row>
    <row r="40" spans="2:17" ht="15">
      <c r="C40" s="703" t="s">
        <v>64</v>
      </c>
      <c r="D40" s="326"/>
      <c r="E40" s="711">
        <f>E36+E37+E38+E39</f>
        <v>47948284.387870148</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7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61</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364467051.6598807</v>
      </c>
      <c r="G47" s="711"/>
      <c r="H47" s="833" t="s">
        <v>416</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175910670.53569582</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47948284.387870148</v>
      </c>
      <c r="G50" s="718"/>
      <c r="H50" s="714"/>
      <c r="I50" s="714"/>
      <c r="J50" s="719"/>
      <c r="K50" s="719"/>
      <c r="L50" s="719"/>
      <c r="M50" s="719"/>
      <c r="N50" s="719"/>
      <c r="O50" s="719"/>
      <c r="P50" s="714"/>
      <c r="Q50" s="719"/>
    </row>
    <row r="51" spans="2:17">
      <c r="B51" s="348"/>
      <c r="C51" s="1501" t="s">
        <v>623</v>
      </c>
      <c r="D51" s="1502"/>
      <c r="E51" s="714"/>
      <c r="F51" s="716">
        <f>F47-F49-F50-F48</f>
        <v>140608096.73631471</v>
      </c>
      <c r="G51" s="716"/>
      <c r="H51" s="720"/>
      <c r="I51" s="714"/>
      <c r="J51" s="720"/>
      <c r="K51" s="720"/>
      <c r="L51" s="720"/>
      <c r="M51" s="720"/>
      <c r="N51" s="720"/>
      <c r="O51" s="720"/>
      <c r="P51" s="720"/>
      <c r="Q51" s="720"/>
    </row>
    <row r="52" spans="2:17">
      <c r="B52" s="348"/>
      <c r="C52" s="1502"/>
      <c r="D52" s="1502"/>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140608096.73631471</v>
      </c>
      <c r="G55" s="711"/>
      <c r="H55" s="714"/>
      <c r="I55" s="714"/>
      <c r="J55" s="714"/>
      <c r="K55" s="714"/>
      <c r="L55" s="714"/>
      <c r="M55" s="714"/>
      <c r="N55" s="714"/>
      <c r="O55" s="714"/>
      <c r="P55" s="724"/>
      <c r="Q55" s="714"/>
    </row>
    <row r="56" spans="2:17">
      <c r="B56" s="348"/>
      <c r="C56" s="665" t="s">
        <v>102</v>
      </c>
      <c r="D56" s="725"/>
      <c r="E56" s="726"/>
      <c r="F56" s="727">
        <f>E30</f>
        <v>175910670.53569582</v>
      </c>
      <c r="G56" s="727"/>
      <c r="H56" s="726"/>
      <c r="I56" s="834"/>
      <c r="J56" s="726"/>
      <c r="K56" s="726"/>
      <c r="L56" s="726"/>
      <c r="M56" s="726"/>
      <c r="N56" s="726"/>
      <c r="O56" s="726"/>
      <c r="P56" s="726"/>
      <c r="Q56" s="726"/>
    </row>
    <row r="57" spans="2:17" ht="12.75" customHeight="1">
      <c r="B57" s="348"/>
      <c r="C57" s="661" t="s">
        <v>70</v>
      </c>
      <c r="D57" s="714"/>
      <c r="E57" s="714"/>
      <c r="F57" s="718">
        <f>E40</f>
        <v>47948284.387870148</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364467051.6598807</v>
      </c>
      <c r="G58" s="710"/>
      <c r="H58" s="314"/>
      <c r="I58" s="709"/>
      <c r="J58" s="314"/>
      <c r="K58" s="426"/>
      <c r="Q58" s="426"/>
    </row>
    <row r="59" spans="2:17">
      <c r="B59" s="348"/>
      <c r="C59" s="661" t="str">
        <f>"   Depreciation  (TCOS, ln "&amp;TCOS!B154&amp;")"</f>
        <v xml:space="preserve">   Depreciation  (TCOS, ln 83)</v>
      </c>
      <c r="D59" s="539"/>
      <c r="E59" s="314"/>
      <c r="F59" s="728">
        <f>TCOS!L154</f>
        <v>74098000</v>
      </c>
      <c r="G59" s="728"/>
      <c r="H59" s="710"/>
      <c r="I59" s="709"/>
      <c r="J59" s="314"/>
      <c r="K59" s="426"/>
      <c r="Q59" s="426"/>
    </row>
    <row r="60" spans="2:17">
      <c r="B60" s="348"/>
      <c r="C60" s="1503" t="str">
        <f>"   Annual Rev. Req, w/ "&amp;F17&amp;" Basis Point ROE increase, less Depreciation"</f>
        <v xml:space="preserve">   Annual Rev. Req, w/ 0 Basis Point ROE increase, less Depreciation</v>
      </c>
      <c r="D60" s="1493"/>
      <c r="E60" s="314"/>
      <c r="F60" s="710">
        <f>F58-F59</f>
        <v>290369051.6598807</v>
      </c>
      <c r="G60" s="710"/>
      <c r="H60" s="314"/>
      <c r="I60" s="709"/>
      <c r="J60" s="314"/>
      <c r="K60" s="426"/>
      <c r="Q60" s="426"/>
    </row>
    <row r="61" spans="2:17">
      <c r="B61" s="348"/>
      <c r="C61" s="1493"/>
      <c r="D61" s="1493"/>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2671210237.3976922</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364467051.6598807</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3644266803010852</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290369051.6598807</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0870318164951323</v>
      </c>
      <c r="G69" s="708"/>
      <c r="H69" s="314"/>
      <c r="I69" s="709"/>
      <c r="J69" s="314"/>
      <c r="K69" s="426"/>
      <c r="Q69" s="426"/>
    </row>
    <row r="70" spans="2:17">
      <c r="B70" s="348"/>
      <c r="C70" s="661" t="str">
        <f>"   FCR less Depreciation  (TCOS, ln "&amp;TCOS!B31&amp;")"</f>
        <v xml:space="preserve">   FCR less Depreciation  (TCOS, ln 10)</v>
      </c>
      <c r="D70" s="539"/>
      <c r="E70" s="314"/>
      <c r="F70" s="730">
        <f>TCOS!L31</f>
        <v>0.10870318164951323</v>
      </c>
      <c r="G70" s="730"/>
      <c r="H70" s="314"/>
      <c r="I70" s="709"/>
      <c r="J70" s="314"/>
      <c r="K70" s="426"/>
      <c r="Q70" s="426"/>
    </row>
    <row r="71" spans="2:17">
      <c r="B71" s="348"/>
      <c r="C71" s="1503" t="str">
        <f>"   Incremental FCR with "&amp;F17&amp;" Basis Point ROE increase, less Depreciation"</f>
        <v xml:space="preserve">   Incremental FCR with 0 Basis Point ROE increase, less Depreciation</v>
      </c>
      <c r="D71" s="1493"/>
      <c r="E71" s="314"/>
      <c r="F71" s="708">
        <f>F69-F70</f>
        <v>0</v>
      </c>
      <c r="G71" s="708"/>
      <c r="H71" s="314"/>
      <c r="I71" s="709"/>
      <c r="J71" s="314"/>
      <c r="K71" s="426"/>
      <c r="Q71" s="426"/>
    </row>
    <row r="72" spans="2:17">
      <c r="B72" s="348"/>
      <c r="C72" s="1493"/>
      <c r="D72" s="1493"/>
      <c r="E72" s="314"/>
      <c r="F72" s="708"/>
      <c r="G72" s="708"/>
      <c r="H72" s="314"/>
      <c r="I72" s="709"/>
      <c r="J72" s="314"/>
      <c r="K72" s="426"/>
      <c r="Q72" s="426"/>
    </row>
    <row r="73" spans="2:17" ht="18.75">
      <c r="B73" s="658" t="s">
        <v>473</v>
      </c>
      <c r="C73" s="657" t="s">
        <v>71</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1 TCOS, ln 19</v>
      </c>
      <c r="D75" s="539"/>
      <c r="E75" s="314"/>
      <c r="F75" s="314"/>
      <c r="G75" s="314"/>
      <c r="H75" s="709">
        <f>TCOS!L63</f>
        <v>2870798237.3976922</v>
      </c>
      <c r="J75" s="314"/>
      <c r="K75" s="426"/>
      <c r="Q75" s="426"/>
    </row>
    <row r="76" spans="2:17">
      <c r="B76" s="348"/>
      <c r="C76" s="726" t="str">
        <f>"Annual Depreciation and Amortization Expense (TCOS, ln "&amp;TCOS!B154&amp;")"</f>
        <v>Annual Depreciation and Amortization Expense (TCOS, ln 83)</v>
      </c>
      <c r="D76" s="539"/>
      <c r="E76" s="314"/>
      <c r="H76" s="489">
        <f>TCOS!L154</f>
        <v>74098000</v>
      </c>
      <c r="I76" s="709"/>
      <c r="J76" s="314"/>
      <c r="K76" s="426"/>
      <c r="Q76" s="426"/>
    </row>
    <row r="77" spans="2:17">
      <c r="B77" s="348"/>
      <c r="C77" s="726" t="s">
        <v>72</v>
      </c>
      <c r="D77" s="539"/>
      <c r="E77" s="314"/>
      <c r="H77" s="900">
        <f>H76/H75</f>
        <v>2.5810939631608527E-2</v>
      </c>
      <c r="I77" s="732"/>
      <c r="J77" s="1494"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494"/>
      <c r="L77" s="1494"/>
      <c r="M77" s="1494"/>
      <c r="N77" s="1494"/>
      <c r="O77" s="1494"/>
      <c r="P77" s="1494"/>
      <c r="Q77" s="659"/>
    </row>
    <row r="78" spans="2:17">
      <c r="B78" s="348"/>
      <c r="C78" s="726" t="s">
        <v>73</v>
      </c>
      <c r="D78" s="539"/>
      <c r="E78" s="314"/>
      <c r="H78" s="733">
        <f>IF(H77=0,0,1/H77)</f>
        <v>38.743262131200467</v>
      </c>
      <c r="I78" s="709"/>
      <c r="J78" s="1494"/>
      <c r="K78" s="1494"/>
      <c r="L78" s="1494"/>
      <c r="M78" s="1494"/>
      <c r="N78" s="1494"/>
      <c r="O78" s="1494"/>
      <c r="P78" s="1494"/>
      <c r="Q78" s="659"/>
    </row>
    <row r="79" spans="2:17">
      <c r="B79" s="348"/>
      <c r="C79" s="726" t="s">
        <v>598</v>
      </c>
      <c r="D79" s="539"/>
      <c r="E79" s="314"/>
      <c r="H79" s="735">
        <f>ROUND(H78,0)</f>
        <v>39</v>
      </c>
      <c r="I79" s="709"/>
      <c r="J79" s="1494"/>
      <c r="K79" s="1494"/>
      <c r="L79" s="1494"/>
      <c r="M79" s="1494"/>
      <c r="N79" s="1494"/>
      <c r="O79" s="1494"/>
      <c r="P79" s="1494"/>
      <c r="Q79" s="659"/>
    </row>
    <row r="80" spans="2:17">
      <c r="B80" s="348"/>
      <c r="C80" s="726"/>
      <c r="D80" s="539"/>
      <c r="E80" s="314"/>
      <c r="H80" s="735"/>
      <c r="I80" s="709"/>
      <c r="J80" s="1494"/>
      <c r="K80" s="1494"/>
      <c r="L80" s="1494"/>
      <c r="M80" s="1494"/>
      <c r="N80" s="1494"/>
      <c r="O80" s="1494"/>
      <c r="P80" s="1494"/>
    </row>
    <row r="81" spans="1:17" ht="20.25">
      <c r="A81" s="738" t="str">
        <f>""&amp;A6&amp;" Worksheet K -  ATRR TRUE-UP Calculation for PJM Projects Charged to Benefiting Zones"</f>
        <v>AEP Indiana Michig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74</v>
      </c>
      <c r="C83" s="740" t="s">
        <v>93</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94</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95</v>
      </c>
      <c r="D87" s="539"/>
      <c r="E87" s="314"/>
      <c r="F87" s="314"/>
      <c r="G87" s="314"/>
      <c r="H87" s="807"/>
      <c r="I87" s="314" t="s">
        <v>74</v>
      </c>
      <c r="J87" s="314"/>
      <c r="K87" s="426"/>
      <c r="L87" s="836">
        <f>+J93</f>
        <v>2016</v>
      </c>
      <c r="M87" s="817" t="s">
        <v>52</v>
      </c>
      <c r="N87" s="817" t="s">
        <v>53</v>
      </c>
      <c r="O87" s="818" t="s">
        <v>55</v>
      </c>
    </row>
    <row r="88" spans="1:17" ht="15.75">
      <c r="C88" s="660"/>
      <c r="D88" s="539"/>
      <c r="E88" s="314"/>
      <c r="F88" s="314"/>
      <c r="H88" s="314"/>
      <c r="I88" s="745"/>
      <c r="J88" s="745"/>
      <c r="K88" s="746"/>
      <c r="L88" s="837" t="s">
        <v>243</v>
      </c>
      <c r="M88" s="838" t="e">
        <f>VLOOKUP(J93,C100:P159,10)</f>
        <v>#N/A</v>
      </c>
      <c r="N88" s="838" t="e">
        <f>VLOOKUP(J93,C100:P159,12)</f>
        <v>#N/A</v>
      </c>
      <c r="O88" s="839" t="e">
        <f>+N88-M88</f>
        <v>#N/A</v>
      </c>
    </row>
    <row r="89" spans="1:17">
      <c r="C89" s="750" t="s">
        <v>96</v>
      </c>
      <c r="D89" s="1489"/>
      <c r="E89" s="1489"/>
      <c r="F89" s="1489"/>
      <c r="G89" s="1489"/>
      <c r="H89" s="1489"/>
      <c r="I89" s="1489"/>
      <c r="J89" s="709"/>
      <c r="K89" s="731"/>
      <c r="L89" s="837" t="s">
        <v>244</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45</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97</v>
      </c>
      <c r="D92" s="761"/>
      <c r="E92" s="761"/>
      <c r="F92" s="761"/>
      <c r="G92" s="761"/>
      <c r="H92" s="761"/>
      <c r="I92" s="761"/>
      <c r="J92" s="761"/>
      <c r="K92" s="763"/>
      <c r="P92" s="764"/>
    </row>
    <row r="93" spans="1:17" ht="15">
      <c r="C93" s="765" t="s">
        <v>75</v>
      </c>
      <c r="D93" s="809"/>
      <c r="E93" s="726" t="s">
        <v>76</v>
      </c>
      <c r="H93" s="766"/>
      <c r="I93" s="766"/>
      <c r="J93" s="767">
        <v>2016</v>
      </c>
      <c r="K93" s="555"/>
      <c r="L93" s="1490" t="s">
        <v>77</v>
      </c>
      <c r="M93" s="1490"/>
      <c r="N93" s="1490"/>
      <c r="O93" s="1490"/>
      <c r="P93" s="426"/>
    </row>
    <row r="94" spans="1:17">
      <c r="C94" s="765" t="s">
        <v>78</v>
      </c>
      <c r="D94" s="810"/>
      <c r="E94" s="765" t="s">
        <v>79</v>
      </c>
      <c r="F94" s="766"/>
      <c r="G94" s="766"/>
      <c r="I94" s="173"/>
      <c r="J94" s="811">
        <f>IF(H87="",0,$F$17)</f>
        <v>0</v>
      </c>
      <c r="K94" s="768"/>
      <c r="L94" s="731" t="s">
        <v>285</v>
      </c>
      <c r="P94" s="426"/>
    </row>
    <row r="95" spans="1:17">
      <c r="C95" s="765" t="s">
        <v>80</v>
      </c>
      <c r="D95" s="809"/>
      <c r="E95" s="765" t="s">
        <v>81</v>
      </c>
      <c r="F95" s="766"/>
      <c r="G95" s="766"/>
      <c r="I95" s="173"/>
      <c r="J95" s="769">
        <f>$F$70</f>
        <v>0.10870318164951323</v>
      </c>
      <c r="K95" s="770"/>
      <c r="L95" s="314" t="str">
        <f>"          INPUT TRUE-UP ARR (WITH &amp; WITHOUT INCENTIVES) FROM EACH PRIOR YEAR"</f>
        <v xml:space="preserve">          INPUT TRUE-UP ARR (WITH &amp; WITHOUT INCENTIVES) FROM EACH PRIOR YEAR</v>
      </c>
      <c r="P95" s="426"/>
    </row>
    <row r="96" spans="1:17">
      <c r="C96" s="765" t="s">
        <v>82</v>
      </c>
      <c r="D96" s="771">
        <f>H$79</f>
        <v>39</v>
      </c>
      <c r="E96" s="765" t="s">
        <v>83</v>
      </c>
      <c r="F96" s="766"/>
      <c r="G96" s="766"/>
      <c r="I96" s="173"/>
      <c r="J96" s="769">
        <f>IF(H87="",+J95,$F$69)</f>
        <v>0.10870318164951323</v>
      </c>
      <c r="K96" s="772"/>
      <c r="L96" s="314" t="s">
        <v>165</v>
      </c>
      <c r="M96" s="772"/>
      <c r="N96" s="772"/>
      <c r="O96" s="772"/>
      <c r="P96" s="426"/>
    </row>
    <row r="97" spans="2:16" ht="13.5" thickBot="1">
      <c r="C97" s="765" t="s">
        <v>84</v>
      </c>
      <c r="D97" s="808"/>
      <c r="E97" s="773" t="s">
        <v>85</v>
      </c>
      <c r="F97" s="774"/>
      <c r="G97" s="774"/>
      <c r="H97" s="775"/>
      <c r="I97" s="775"/>
      <c r="J97" s="753">
        <f>IF(D93=0,0,D93/D96)</f>
        <v>0</v>
      </c>
      <c r="K97" s="731"/>
      <c r="L97" s="731" t="s">
        <v>166</v>
      </c>
      <c r="M97" s="731"/>
      <c r="N97" s="731"/>
      <c r="O97" s="731"/>
      <c r="P97" s="426"/>
    </row>
    <row r="98" spans="2:16" ht="38.25">
      <c r="B98" s="846"/>
      <c r="C98" s="776" t="s">
        <v>75</v>
      </c>
      <c r="D98" s="777" t="s">
        <v>86</v>
      </c>
      <c r="E98" s="778" t="s">
        <v>87</v>
      </c>
      <c r="F98" s="777" t="s">
        <v>88</v>
      </c>
      <c r="G98" s="777" t="s">
        <v>246</v>
      </c>
      <c r="H98" s="778" t="s">
        <v>159</v>
      </c>
      <c r="I98" s="779" t="s">
        <v>159</v>
      </c>
      <c r="J98" s="776" t="s">
        <v>98</v>
      </c>
      <c r="K98" s="780"/>
      <c r="L98" s="778" t="s">
        <v>161</v>
      </c>
      <c r="M98" s="778" t="s">
        <v>167</v>
      </c>
      <c r="N98" s="778" t="s">
        <v>161</v>
      </c>
      <c r="O98" s="778" t="s">
        <v>169</v>
      </c>
      <c r="P98" s="778" t="s">
        <v>89</v>
      </c>
    </row>
    <row r="99" spans="2:16" ht="13.5" thickBot="1">
      <c r="C99" s="782" t="s">
        <v>477</v>
      </c>
      <c r="D99" s="783" t="s">
        <v>478</v>
      </c>
      <c r="E99" s="782" t="s">
        <v>371</v>
      </c>
      <c r="F99" s="783" t="s">
        <v>478</v>
      </c>
      <c r="G99" s="783" t="s">
        <v>478</v>
      </c>
      <c r="H99" s="784" t="s">
        <v>101</v>
      </c>
      <c r="I99" s="785" t="s">
        <v>103</v>
      </c>
      <c r="J99" s="786" t="s">
        <v>15</v>
      </c>
      <c r="K99" s="787"/>
      <c r="L99" s="784" t="s">
        <v>90</v>
      </c>
      <c r="M99" s="784" t="s">
        <v>90</v>
      </c>
      <c r="N99" s="784" t="s">
        <v>263</v>
      </c>
      <c r="O99" s="784" t="s">
        <v>263</v>
      </c>
      <c r="P99" s="784" t="s">
        <v>263</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91</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71</v>
      </c>
      <c r="D165" s="737"/>
      <c r="E165" s="737"/>
      <c r="F165" s="737"/>
      <c r="G165" s="737"/>
      <c r="H165" s="731"/>
      <c r="I165" s="731"/>
      <c r="J165" s="805"/>
      <c r="K165" s="805"/>
      <c r="L165" s="805"/>
      <c r="M165" s="805"/>
      <c r="N165" s="805"/>
      <c r="O165" s="805"/>
    </row>
    <row r="166" spans="3:15">
      <c r="C166" s="736" t="s">
        <v>92</v>
      </c>
      <c r="D166" s="737"/>
      <c r="E166" s="737"/>
      <c r="F166" s="737"/>
      <c r="G166" s="737"/>
      <c r="H166" s="731"/>
      <c r="I166" s="731"/>
      <c r="J166" s="805"/>
      <c r="K166" s="805"/>
      <c r="L166" s="805"/>
      <c r="M166" s="805"/>
      <c r="N166" s="805"/>
      <c r="O166" s="805"/>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t="s">
        <v>416</v>
      </c>
    </row>
    <row r="2" spans="1:5" ht="15.75">
      <c r="A2" s="1006" t="s">
        <v>416</v>
      </c>
    </row>
    <row r="3" spans="1:5" ht="15">
      <c r="B3" s="1450" t="str">
        <f>TCOS!$F$5</f>
        <v>AEPTCo subsidiaries in PJM</v>
      </c>
      <c r="C3" s="1450" t="str">
        <f>TCOS!$F$5</f>
        <v>AEPTCo subsidiaries in PJM</v>
      </c>
      <c r="D3" s="1450" t="str">
        <f>TCOS!$F$5</f>
        <v>AEPTCo subsidiaries in PJM</v>
      </c>
      <c r="E3" s="1450" t="str">
        <f>TCOS!$F$5</f>
        <v>AEPTCo subsidiaries in PJM</v>
      </c>
    </row>
    <row r="4" spans="1:5" ht="15">
      <c r="B4" s="1442" t="str">
        <f>"Cost of Service Formula Rate Using Actual/Projected FF1 Balances"</f>
        <v>Cost of Service Formula Rate Using Actual/Projected FF1 Balances</v>
      </c>
      <c r="C4" s="1442"/>
      <c r="D4" s="1442"/>
      <c r="E4" s="1442"/>
    </row>
    <row r="5" spans="1:5" ht="15">
      <c r="B5" s="1450" t="s">
        <v>599</v>
      </c>
      <c r="C5" s="1450"/>
      <c r="D5" s="1450"/>
      <c r="E5" s="1450"/>
    </row>
    <row r="6" spans="1:5" ht="15">
      <c r="B6" s="1453" t="str">
        <f>+TCOS!F9</f>
        <v>AEP Indiana Michigan Transmission Company</v>
      </c>
      <c r="C6" s="1450"/>
      <c r="D6" s="1450"/>
      <c r="E6" s="1450"/>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46" zoomScale="90" zoomScaleNormal="90" zoomScaleSheetLayoutView="70" workbookViewId="0">
      <selection activeCell="E52" sqref="E52"/>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509" t="str">
        <f>TCOS!F5</f>
        <v>AEPTCo subsidiaries in PJM</v>
      </c>
      <c r="B1" s="1509" t="s">
        <v>329</v>
      </c>
      <c r="C1" s="1509" t="s">
        <v>329</v>
      </c>
      <c r="D1" s="1509" t="s">
        <v>329</v>
      </c>
      <c r="E1" s="1509" t="s">
        <v>329</v>
      </c>
      <c r="F1" s="1509" t="s">
        <v>329</v>
      </c>
      <c r="G1" s="1509" t="s">
        <v>329</v>
      </c>
      <c r="H1" s="1164"/>
    </row>
    <row r="2" spans="1:12" ht="15">
      <c r="A2" s="1442" t="str">
        <f>"Cost of Service Formula Rate Using Actual/Projected FF1 Balances"</f>
        <v>Cost of Service Formula Rate Using Actual/Projected FF1 Balances</v>
      </c>
      <c r="B2" s="1442"/>
      <c r="C2" s="1442"/>
      <c r="D2" s="1442"/>
      <c r="E2" s="1442"/>
      <c r="F2" s="1442"/>
      <c r="G2" s="1442"/>
      <c r="H2" s="1166"/>
      <c r="I2" s="1166"/>
      <c r="J2" s="1166"/>
      <c r="L2" s="1167"/>
    </row>
    <row r="3" spans="1:12" ht="15">
      <c r="A3" s="1442" t="s">
        <v>737</v>
      </c>
      <c r="B3" s="1442"/>
      <c r="C3" s="1442"/>
      <c r="D3" s="1442"/>
      <c r="E3" s="1442"/>
      <c r="F3" s="1442"/>
      <c r="G3" s="1442"/>
      <c r="H3" s="1166"/>
      <c r="I3" s="1166"/>
      <c r="J3" s="1166"/>
    </row>
    <row r="4" spans="1:12" ht="15">
      <c r="A4" s="1448" t="str">
        <f>TCOS!F9</f>
        <v>AEP Indiana Michigan Transmission Company</v>
      </c>
      <c r="B4" s="1448"/>
      <c r="C4" s="1448"/>
      <c r="D4" s="1448"/>
      <c r="E4" s="1448"/>
      <c r="F4" s="1448"/>
      <c r="G4" s="1448"/>
      <c r="H4" s="1166"/>
      <c r="I4" s="1166"/>
      <c r="J4" s="1166"/>
    </row>
    <row r="5" spans="1:12">
      <c r="A5" s="1166"/>
      <c r="B5" s="1168"/>
      <c r="C5" s="1168"/>
      <c r="D5" s="1168"/>
      <c r="E5" s="1169"/>
      <c r="F5" s="1170"/>
      <c r="H5" s="1017"/>
      <c r="I5" s="1017"/>
      <c r="J5" s="1017"/>
      <c r="K5" s="1017"/>
      <c r="L5" s="1017"/>
    </row>
    <row r="6" spans="1:12" ht="12.75" customHeight="1">
      <c r="A6" s="1164"/>
      <c r="B6" s="1080"/>
      <c r="C6" s="1443" t="s">
        <v>339</v>
      </c>
      <c r="D6" s="1444"/>
      <c r="E6" s="1444"/>
      <c r="F6" s="1444"/>
      <c r="G6" s="1445"/>
      <c r="H6" s="1171"/>
      <c r="I6" s="1017"/>
      <c r="J6" s="1017"/>
      <c r="K6" s="1017"/>
      <c r="L6" s="1017"/>
    </row>
    <row r="7" spans="1:12" s="1174" customFormat="1" ht="38.25">
      <c r="A7" s="1172" t="s">
        <v>705</v>
      </c>
      <c r="B7" s="1085" t="s">
        <v>706</v>
      </c>
      <c r="C7" s="1115" t="s">
        <v>738</v>
      </c>
      <c r="D7" s="1086" t="s">
        <v>171</v>
      </c>
      <c r="E7" s="1086" t="s">
        <v>739</v>
      </c>
      <c r="F7" s="1086" t="s">
        <v>740</v>
      </c>
      <c r="G7" s="1173" t="s">
        <v>339</v>
      </c>
      <c r="H7" s="1171"/>
      <c r="I7" s="1017"/>
      <c r="J7" s="1017"/>
      <c r="K7" s="1017"/>
      <c r="L7" s="1017"/>
    </row>
    <row r="8" spans="1:12" s="1177" customFormat="1">
      <c r="A8" s="1175"/>
      <c r="B8" s="1090" t="s">
        <v>710</v>
      </c>
      <c r="C8" s="1116" t="s">
        <v>728</v>
      </c>
      <c r="D8" s="1091" t="s">
        <v>729</v>
      </c>
      <c r="E8" s="1091" t="s">
        <v>711</v>
      </c>
      <c r="F8" s="1091" t="s">
        <v>712</v>
      </c>
      <c r="G8" s="1176" t="s">
        <v>741</v>
      </c>
      <c r="H8" s="1171"/>
      <c r="I8" s="1017"/>
      <c r="J8" s="1017"/>
      <c r="K8" s="1017"/>
      <c r="L8" s="1017"/>
    </row>
    <row r="9" spans="1:12" s="1177" customFormat="1" ht="44.25" customHeight="1">
      <c r="A9" s="1175"/>
      <c r="B9" s="1090" t="s">
        <v>716</v>
      </c>
      <c r="C9" s="1178" t="s">
        <v>742</v>
      </c>
      <c r="D9" s="1094" t="s">
        <v>743</v>
      </c>
      <c r="E9" s="1094" t="s">
        <v>744</v>
      </c>
      <c r="F9" s="1094" t="s">
        <v>745</v>
      </c>
      <c r="G9" s="1179"/>
      <c r="H9" s="1171"/>
      <c r="I9" s="1017"/>
      <c r="J9" s="1017"/>
      <c r="K9" s="1017"/>
      <c r="L9" s="1017"/>
    </row>
    <row r="10" spans="1:12">
      <c r="A10" s="1175">
        <v>1</v>
      </c>
      <c r="B10" s="1096" t="s">
        <v>717</v>
      </c>
      <c r="C10" s="1180">
        <v>1290789000</v>
      </c>
      <c r="D10" s="1180">
        <v>0</v>
      </c>
      <c r="E10" s="1180">
        <v>0</v>
      </c>
      <c r="F10" s="1180">
        <v>0</v>
      </c>
      <c r="G10" s="1181">
        <f>+C10-D10-E10-F10</f>
        <v>1290789000</v>
      </c>
      <c r="H10" s="1171"/>
      <c r="I10" s="1017"/>
      <c r="J10" s="1017"/>
      <c r="K10" s="1017"/>
      <c r="L10" s="1017"/>
    </row>
    <row r="11" spans="1:12">
      <c r="A11" s="1175">
        <f>+A10+1</f>
        <v>2</v>
      </c>
      <c r="B11" s="1096" t="s">
        <v>576</v>
      </c>
      <c r="C11" s="1180">
        <v>1328849000</v>
      </c>
      <c r="D11" s="1310">
        <v>0</v>
      </c>
      <c r="E11" s="1310">
        <v>0</v>
      </c>
      <c r="F11" s="1310">
        <v>0</v>
      </c>
      <c r="G11" s="1181">
        <f t="shared" ref="G11:G22" si="0">+C11-D11-E11-F11</f>
        <v>1328849000</v>
      </c>
      <c r="H11" s="1171"/>
      <c r="I11" s="1017"/>
      <c r="J11" s="1017"/>
      <c r="K11" s="1017"/>
      <c r="L11" s="1017"/>
    </row>
    <row r="12" spans="1:12">
      <c r="A12" s="1175">
        <f t="shared" ref="A12:A23" si="1">+A11+1</f>
        <v>3</v>
      </c>
      <c r="B12" s="1098" t="s">
        <v>577</v>
      </c>
      <c r="C12" s="1180">
        <v>1365306000</v>
      </c>
      <c r="D12" s="1310">
        <v>0</v>
      </c>
      <c r="E12" s="1310">
        <v>0</v>
      </c>
      <c r="F12" s="1310">
        <v>0</v>
      </c>
      <c r="G12" s="1181">
        <f t="shared" si="0"/>
        <v>1365306000</v>
      </c>
      <c r="H12" s="1171"/>
      <c r="I12" s="1017"/>
      <c r="J12" s="1017"/>
      <c r="K12" s="1017"/>
      <c r="L12" s="1017"/>
    </row>
    <row r="13" spans="1:12">
      <c r="A13" s="1175">
        <f t="shared" si="1"/>
        <v>4</v>
      </c>
      <c r="B13" s="1098" t="s">
        <v>718</v>
      </c>
      <c r="C13" s="1180">
        <v>1403652000</v>
      </c>
      <c r="D13" s="1310">
        <v>0</v>
      </c>
      <c r="E13" s="1310">
        <v>0</v>
      </c>
      <c r="F13" s="1310">
        <v>0</v>
      </c>
      <c r="G13" s="1181">
        <f t="shared" si="0"/>
        <v>1403652000</v>
      </c>
      <c r="H13" s="1171"/>
      <c r="I13" s="1017"/>
      <c r="J13" s="1017"/>
      <c r="K13" s="1017"/>
      <c r="L13" s="1017"/>
    </row>
    <row r="14" spans="1:12">
      <c r="A14" s="1175">
        <f t="shared" si="1"/>
        <v>5</v>
      </c>
      <c r="B14" s="1098" t="s">
        <v>579</v>
      </c>
      <c r="C14" s="1180">
        <v>1441405000</v>
      </c>
      <c r="D14" s="1310">
        <v>0</v>
      </c>
      <c r="E14" s="1310">
        <v>0</v>
      </c>
      <c r="F14" s="1310">
        <v>0</v>
      </c>
      <c r="G14" s="1181">
        <f t="shared" si="0"/>
        <v>1441405000</v>
      </c>
      <c r="H14" s="1171"/>
      <c r="I14" s="1017"/>
      <c r="J14" s="1017"/>
      <c r="K14" s="1017"/>
      <c r="L14" s="1017"/>
    </row>
    <row r="15" spans="1:12">
      <c r="A15" s="1175">
        <f t="shared" si="1"/>
        <v>6</v>
      </c>
      <c r="B15" s="1098" t="s">
        <v>580</v>
      </c>
      <c r="C15" s="1180">
        <v>1454682000</v>
      </c>
      <c r="D15" s="1310">
        <v>0</v>
      </c>
      <c r="E15" s="1310">
        <v>0</v>
      </c>
      <c r="F15" s="1310">
        <v>0</v>
      </c>
      <c r="G15" s="1181">
        <f t="shared" si="0"/>
        <v>1454682000</v>
      </c>
      <c r="H15" s="1171"/>
      <c r="I15" s="1017"/>
      <c r="J15" s="1017"/>
      <c r="K15" s="1017"/>
      <c r="L15" s="1017"/>
    </row>
    <row r="16" spans="1:12">
      <c r="A16" s="1175">
        <f t="shared" si="1"/>
        <v>7</v>
      </c>
      <c r="B16" s="1098" t="s">
        <v>581</v>
      </c>
      <c r="C16" s="1180">
        <v>1468091000</v>
      </c>
      <c r="D16" s="1310">
        <v>0</v>
      </c>
      <c r="E16" s="1310">
        <v>0</v>
      </c>
      <c r="F16" s="1310">
        <v>0</v>
      </c>
      <c r="G16" s="1181">
        <f t="shared" si="0"/>
        <v>1468091000</v>
      </c>
      <c r="H16" s="1171"/>
      <c r="I16" s="1017"/>
      <c r="J16" s="1017"/>
      <c r="K16" s="1017"/>
      <c r="L16" s="1017"/>
    </row>
    <row r="17" spans="1:12">
      <c r="A17" s="1175">
        <f t="shared" si="1"/>
        <v>8</v>
      </c>
      <c r="B17" s="1098" t="s">
        <v>582</v>
      </c>
      <c r="C17" s="1180">
        <v>1481147000</v>
      </c>
      <c r="D17" s="1310">
        <v>0</v>
      </c>
      <c r="E17" s="1310">
        <v>0</v>
      </c>
      <c r="F17" s="1310">
        <v>0</v>
      </c>
      <c r="G17" s="1181">
        <f t="shared" si="0"/>
        <v>1481147000</v>
      </c>
      <c r="H17" s="1171"/>
      <c r="I17" s="1017"/>
      <c r="J17" s="1017"/>
      <c r="K17" s="1017"/>
      <c r="L17" s="1017"/>
    </row>
    <row r="18" spans="1:12">
      <c r="A18" s="1175">
        <f t="shared" si="1"/>
        <v>9</v>
      </c>
      <c r="B18" s="1098" t="s">
        <v>719</v>
      </c>
      <c r="C18" s="1180">
        <v>1494229000</v>
      </c>
      <c r="D18" s="1310">
        <v>0</v>
      </c>
      <c r="E18" s="1310">
        <v>0</v>
      </c>
      <c r="F18" s="1310">
        <v>0</v>
      </c>
      <c r="G18" s="1181">
        <f t="shared" si="0"/>
        <v>1494229000</v>
      </c>
      <c r="H18" s="1171"/>
      <c r="I18" s="1017"/>
      <c r="J18" s="1017"/>
      <c r="K18" s="1017"/>
      <c r="L18" s="1017"/>
    </row>
    <row r="19" spans="1:12">
      <c r="A19" s="1175">
        <f t="shared" si="1"/>
        <v>10</v>
      </c>
      <c r="B19" s="1098" t="s">
        <v>584</v>
      </c>
      <c r="C19" s="1180">
        <v>1506685000</v>
      </c>
      <c r="D19" s="1310">
        <v>0</v>
      </c>
      <c r="E19" s="1310">
        <v>0</v>
      </c>
      <c r="F19" s="1310">
        <v>0</v>
      </c>
      <c r="G19" s="1181">
        <f t="shared" si="0"/>
        <v>1506685000</v>
      </c>
      <c r="H19" s="1171"/>
      <c r="I19" s="1017"/>
      <c r="J19" s="1017"/>
      <c r="K19" s="1017"/>
      <c r="L19" s="1017"/>
    </row>
    <row r="20" spans="1:12">
      <c r="A20" s="1175">
        <f t="shared" si="1"/>
        <v>11</v>
      </c>
      <c r="B20" s="1098" t="s">
        <v>585</v>
      </c>
      <c r="C20" s="1180">
        <v>1519695000</v>
      </c>
      <c r="D20" s="1310">
        <v>0</v>
      </c>
      <c r="E20" s="1310">
        <v>0</v>
      </c>
      <c r="F20" s="1310">
        <v>0</v>
      </c>
      <c r="G20" s="1181">
        <f t="shared" si="0"/>
        <v>1519695000</v>
      </c>
      <c r="H20" s="1171"/>
      <c r="I20" s="1017"/>
      <c r="J20" s="1017"/>
      <c r="K20" s="1017"/>
      <c r="L20" s="1017"/>
    </row>
    <row r="21" spans="1:12">
      <c r="A21" s="1175">
        <f t="shared" si="1"/>
        <v>12</v>
      </c>
      <c r="B21" s="1098" t="s">
        <v>586</v>
      </c>
      <c r="C21" s="1180">
        <v>1532071000</v>
      </c>
      <c r="D21" s="1310">
        <v>0</v>
      </c>
      <c r="E21" s="1310">
        <v>0</v>
      </c>
      <c r="F21" s="1310">
        <v>0</v>
      </c>
      <c r="G21" s="1181">
        <f t="shared" si="0"/>
        <v>1532071000</v>
      </c>
      <c r="H21" s="1171"/>
      <c r="I21" s="1017"/>
      <c r="J21" s="1017"/>
      <c r="K21" s="1017"/>
      <c r="L21" s="1017"/>
    </row>
    <row r="22" spans="1:12">
      <c r="A22" s="1182">
        <f t="shared" si="1"/>
        <v>13</v>
      </c>
      <c r="B22" s="1100" t="s">
        <v>720</v>
      </c>
      <c r="C22" s="1180">
        <v>1559872000</v>
      </c>
      <c r="D22" s="1180">
        <v>0</v>
      </c>
      <c r="E22" s="1180">
        <v>0</v>
      </c>
      <c r="F22" s="1180">
        <v>0</v>
      </c>
      <c r="G22" s="1181">
        <f t="shared" si="0"/>
        <v>1559872000</v>
      </c>
      <c r="H22" s="1171"/>
      <c r="I22" s="1017"/>
      <c r="J22" s="1017"/>
      <c r="K22" s="1017"/>
      <c r="L22" s="1017"/>
    </row>
    <row r="23" spans="1:12" ht="13.5" thickBot="1">
      <c r="A23" s="1182">
        <f t="shared" si="1"/>
        <v>14</v>
      </c>
      <c r="B23" s="1101" t="s">
        <v>721</v>
      </c>
      <c r="C23" s="1125">
        <f>SUM(C10:C22)/13</f>
        <v>1449728692.3076923</v>
      </c>
      <c r="D23" s="1102">
        <f>SUM(D10:D22)/13</f>
        <v>0</v>
      </c>
      <c r="E23" s="1102">
        <f>SUM(E10:E22)/13</f>
        <v>0</v>
      </c>
      <c r="F23" s="1102">
        <f>SUM(F10:F22)/13</f>
        <v>0</v>
      </c>
      <c r="G23" s="1183">
        <f>SUM(G10:G22)/13</f>
        <v>1449728692.3076923</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510" t="s">
        <v>542</v>
      </c>
      <c r="D25" s="1511"/>
      <c r="E25" s="1511"/>
      <c r="F25" s="1511"/>
      <c r="G25" s="1511"/>
      <c r="H25" s="1512"/>
      <c r="I25" s="1017"/>
      <c r="J25" s="1017"/>
      <c r="K25" s="1017"/>
      <c r="L25" s="1017"/>
    </row>
    <row r="26" spans="1:12" s="1174" customFormat="1" ht="38.25">
      <c r="A26" s="1172" t="s">
        <v>705</v>
      </c>
      <c r="B26" s="1085" t="s">
        <v>706</v>
      </c>
      <c r="C26" s="1115" t="s">
        <v>746</v>
      </c>
      <c r="D26" s="1086" t="s">
        <v>747</v>
      </c>
      <c r="E26" s="1086" t="s">
        <v>761</v>
      </c>
      <c r="F26" s="1086" t="s">
        <v>762</v>
      </c>
      <c r="G26" s="1086" t="s">
        <v>748</v>
      </c>
      <c r="H26" s="1173" t="s">
        <v>760</v>
      </c>
      <c r="I26" s="1017"/>
      <c r="J26" s="1017"/>
      <c r="K26" s="1017"/>
      <c r="L26" s="1017"/>
    </row>
    <row r="27" spans="1:12" s="1177" customFormat="1">
      <c r="A27" s="1175"/>
      <c r="B27" s="1090" t="s">
        <v>710</v>
      </c>
      <c r="C27" s="1116" t="s">
        <v>728</v>
      </c>
      <c r="D27" s="1091" t="s">
        <v>729</v>
      </c>
      <c r="E27" s="1091" t="s">
        <v>711</v>
      </c>
      <c r="F27" s="1091" t="s">
        <v>712</v>
      </c>
      <c r="G27" s="1091" t="s">
        <v>749</v>
      </c>
      <c r="H27" s="1176" t="s">
        <v>750</v>
      </c>
      <c r="I27" s="1017"/>
      <c r="J27" s="1017"/>
      <c r="K27" s="1017"/>
      <c r="L27" s="1017"/>
    </row>
    <row r="28" spans="1:12" s="1177" customFormat="1" ht="44.25" customHeight="1">
      <c r="A28" s="1175"/>
      <c r="B28" s="1090" t="s">
        <v>716</v>
      </c>
      <c r="C28" s="1178" t="s">
        <v>751</v>
      </c>
      <c r="D28" s="1094" t="s">
        <v>752</v>
      </c>
      <c r="E28" s="1094" t="s">
        <v>753</v>
      </c>
      <c r="F28" s="1094" t="s">
        <v>754</v>
      </c>
      <c r="G28" s="1094" t="s">
        <v>755</v>
      </c>
      <c r="H28" s="1184"/>
      <c r="I28" s="1017"/>
      <c r="J28" s="1017"/>
      <c r="K28" s="1017"/>
      <c r="L28" s="1017"/>
    </row>
    <row r="29" spans="1:12">
      <c r="A29" s="1175">
        <f>+A23+1</f>
        <v>15</v>
      </c>
      <c r="B29" s="1096" t="s">
        <v>717</v>
      </c>
      <c r="C29" s="1310">
        <v>0</v>
      </c>
      <c r="D29" s="1180">
        <v>0</v>
      </c>
      <c r="E29" s="1180">
        <v>1144050000</v>
      </c>
      <c r="F29" s="1180">
        <v>0</v>
      </c>
      <c r="G29" s="1180">
        <v>0</v>
      </c>
      <c r="H29" s="1181">
        <f>+C29-D29+E29+F29-G29</f>
        <v>1144050000</v>
      </c>
      <c r="I29" s="1017"/>
      <c r="J29" s="1017"/>
      <c r="K29" s="1017"/>
      <c r="L29" s="1017"/>
    </row>
    <row r="30" spans="1:12">
      <c r="A30" s="1175">
        <f>+A29+1</f>
        <v>16</v>
      </c>
      <c r="B30" s="1096" t="s">
        <v>576</v>
      </c>
      <c r="C30" s="1310">
        <v>0</v>
      </c>
      <c r="D30" s="1310">
        <v>0</v>
      </c>
      <c r="E30" s="1180">
        <v>1144050000</v>
      </c>
      <c r="F30" s="1180">
        <v>0</v>
      </c>
      <c r="G30" s="1310">
        <v>0</v>
      </c>
      <c r="H30" s="1181">
        <f t="shared" ref="H30:H41" si="2">+C30-D30+E30+F30-G30</f>
        <v>1144050000</v>
      </c>
      <c r="I30" s="1017"/>
      <c r="J30" s="1017"/>
      <c r="K30" s="1017"/>
      <c r="L30" s="1017"/>
    </row>
    <row r="31" spans="1:12">
      <c r="A31" s="1175">
        <f t="shared" ref="A31:A42" si="3">+A30+1</f>
        <v>17</v>
      </c>
      <c r="B31" s="1098" t="s">
        <v>577</v>
      </c>
      <c r="C31" s="1310">
        <v>0</v>
      </c>
      <c r="D31" s="1310">
        <v>0</v>
      </c>
      <c r="E31" s="1180">
        <v>1144050000</v>
      </c>
      <c r="F31" s="1180">
        <v>0</v>
      </c>
      <c r="G31" s="1310">
        <v>0</v>
      </c>
      <c r="H31" s="1181">
        <f t="shared" si="2"/>
        <v>1144050000</v>
      </c>
      <c r="I31" s="1017"/>
      <c r="J31" s="1017"/>
      <c r="K31" s="1017"/>
      <c r="L31" s="1017"/>
    </row>
    <row r="32" spans="1:12">
      <c r="A32" s="1175">
        <f t="shared" si="3"/>
        <v>18</v>
      </c>
      <c r="B32" s="1098" t="s">
        <v>718</v>
      </c>
      <c r="C32" s="1310">
        <v>0</v>
      </c>
      <c r="D32" s="1310">
        <v>0</v>
      </c>
      <c r="E32" s="1180">
        <v>1144050000</v>
      </c>
      <c r="F32" s="1180">
        <v>0</v>
      </c>
      <c r="G32" s="1310">
        <v>0</v>
      </c>
      <c r="H32" s="1181">
        <f t="shared" si="2"/>
        <v>1144050000</v>
      </c>
      <c r="I32" s="1017"/>
      <c r="J32" s="1017"/>
      <c r="K32" s="1017"/>
      <c r="L32" s="1017"/>
    </row>
    <row r="33" spans="1:12">
      <c r="A33" s="1175">
        <f t="shared" si="3"/>
        <v>19</v>
      </c>
      <c r="B33" s="1098" t="s">
        <v>579</v>
      </c>
      <c r="C33" s="1310">
        <v>0</v>
      </c>
      <c r="D33" s="1310">
        <v>0</v>
      </c>
      <c r="E33" s="1180">
        <v>1141150000</v>
      </c>
      <c r="F33" s="1180">
        <v>0</v>
      </c>
      <c r="G33" s="1310">
        <v>0</v>
      </c>
      <c r="H33" s="1181">
        <f t="shared" si="2"/>
        <v>1141150000</v>
      </c>
      <c r="I33" s="1017"/>
      <c r="J33" s="1017"/>
      <c r="K33" s="1017"/>
      <c r="L33" s="1017"/>
    </row>
    <row r="34" spans="1:12">
      <c r="A34" s="1175">
        <f t="shared" si="3"/>
        <v>20</v>
      </c>
      <c r="B34" s="1098" t="s">
        <v>580</v>
      </c>
      <c r="C34" s="1310">
        <v>0</v>
      </c>
      <c r="D34" s="1310">
        <v>0</v>
      </c>
      <c r="E34" s="1180">
        <v>1141150000</v>
      </c>
      <c r="F34" s="1180">
        <v>0</v>
      </c>
      <c r="G34" s="1310">
        <v>0</v>
      </c>
      <c r="H34" s="1181">
        <f>+C34-D34+E34+F34-G34</f>
        <v>1141150000</v>
      </c>
      <c r="I34" s="1017"/>
      <c r="J34" s="1017"/>
      <c r="K34" s="1017"/>
      <c r="L34" s="1017"/>
    </row>
    <row r="35" spans="1:12">
      <c r="A35" s="1175">
        <f t="shared" si="3"/>
        <v>21</v>
      </c>
      <c r="B35" s="1098" t="s">
        <v>581</v>
      </c>
      <c r="C35" s="1310">
        <v>0</v>
      </c>
      <c r="D35" s="1310">
        <v>0</v>
      </c>
      <c r="E35" s="1180">
        <v>1141150000</v>
      </c>
      <c r="F35" s="1180">
        <v>110000000</v>
      </c>
      <c r="G35" s="1310">
        <v>0</v>
      </c>
      <c r="H35" s="1181">
        <f t="shared" si="2"/>
        <v>1251150000</v>
      </c>
      <c r="I35" s="1017"/>
      <c r="J35" s="1017"/>
      <c r="K35" s="1017"/>
      <c r="L35" s="1017"/>
    </row>
    <row r="36" spans="1:12">
      <c r="A36" s="1175">
        <f t="shared" si="3"/>
        <v>22</v>
      </c>
      <c r="B36" s="1098" t="s">
        <v>582</v>
      </c>
      <c r="C36" s="1310">
        <v>0</v>
      </c>
      <c r="D36" s="1310">
        <v>0</v>
      </c>
      <c r="E36" s="1180">
        <v>1141150000</v>
      </c>
      <c r="F36" s="1180">
        <v>110000000</v>
      </c>
      <c r="G36" s="1310">
        <v>0</v>
      </c>
      <c r="H36" s="1181">
        <f t="shared" si="2"/>
        <v>1251150000</v>
      </c>
      <c r="I36" s="1017"/>
      <c r="J36" s="1017"/>
      <c r="K36" s="1017"/>
      <c r="L36" s="1017"/>
    </row>
    <row r="37" spans="1:12">
      <c r="A37" s="1175">
        <f t="shared" si="3"/>
        <v>23</v>
      </c>
      <c r="B37" s="1098" t="s">
        <v>719</v>
      </c>
      <c r="C37" s="1310">
        <v>0</v>
      </c>
      <c r="D37" s="1310">
        <v>0</v>
      </c>
      <c r="E37" s="1180">
        <v>1141150000</v>
      </c>
      <c r="F37" s="1180">
        <v>110000000</v>
      </c>
      <c r="G37" s="1310">
        <v>0</v>
      </c>
      <c r="H37" s="1181">
        <f t="shared" si="2"/>
        <v>1251150000</v>
      </c>
      <c r="I37" s="1017"/>
      <c r="J37" s="1017"/>
      <c r="K37" s="1017"/>
      <c r="L37" s="1017"/>
    </row>
    <row r="38" spans="1:12">
      <c r="A38" s="1175">
        <f t="shared" si="3"/>
        <v>24</v>
      </c>
      <c r="B38" s="1098" t="s">
        <v>584</v>
      </c>
      <c r="C38" s="1310">
        <v>0</v>
      </c>
      <c r="D38" s="1310">
        <v>0</v>
      </c>
      <c r="E38" s="1180">
        <v>1141150000</v>
      </c>
      <c r="F38" s="1180">
        <v>110000000</v>
      </c>
      <c r="G38" s="1310">
        <v>0</v>
      </c>
      <c r="H38" s="1181">
        <f t="shared" si="2"/>
        <v>1251150000</v>
      </c>
      <c r="I38" s="1017"/>
      <c r="J38" s="1017"/>
      <c r="K38" s="1017"/>
      <c r="L38" s="1017"/>
    </row>
    <row r="39" spans="1:12">
      <c r="A39" s="1175">
        <f t="shared" si="3"/>
        <v>25</v>
      </c>
      <c r="B39" s="1098" t="s">
        <v>585</v>
      </c>
      <c r="C39" s="1310">
        <v>0</v>
      </c>
      <c r="D39" s="1310">
        <v>0</v>
      </c>
      <c r="E39" s="1180">
        <v>1138250000</v>
      </c>
      <c r="F39" s="1180">
        <v>110000000</v>
      </c>
      <c r="G39" s="1310">
        <v>0</v>
      </c>
      <c r="H39" s="1181">
        <f t="shared" si="2"/>
        <v>1248250000</v>
      </c>
      <c r="I39" s="1017"/>
      <c r="J39" s="1017"/>
      <c r="K39" s="1017"/>
      <c r="L39" s="1017"/>
    </row>
    <row r="40" spans="1:12">
      <c r="A40" s="1175">
        <f t="shared" si="3"/>
        <v>26</v>
      </c>
      <c r="B40" s="1098" t="s">
        <v>586</v>
      </c>
      <c r="C40" s="1310">
        <v>0</v>
      </c>
      <c r="D40" s="1310">
        <v>0</v>
      </c>
      <c r="E40" s="1180">
        <v>1125550000</v>
      </c>
      <c r="F40" s="1180">
        <v>110000000</v>
      </c>
      <c r="G40" s="1310">
        <v>0</v>
      </c>
      <c r="H40" s="1181">
        <f t="shared" si="2"/>
        <v>1235550000</v>
      </c>
      <c r="I40" s="1017"/>
      <c r="J40" s="1017"/>
      <c r="K40" s="1017"/>
      <c r="L40" s="1017"/>
    </row>
    <row r="41" spans="1:12">
      <c r="A41" s="1182">
        <f t="shared" si="3"/>
        <v>27</v>
      </c>
      <c r="B41" s="1100" t="s">
        <v>720</v>
      </c>
      <c r="C41" s="1180">
        <v>0</v>
      </c>
      <c r="D41" s="1180">
        <v>0</v>
      </c>
      <c r="E41" s="1180">
        <v>1125550000</v>
      </c>
      <c r="F41" s="1180">
        <v>110000000</v>
      </c>
      <c r="G41" s="1180">
        <v>0</v>
      </c>
      <c r="H41" s="1181">
        <f t="shared" si="2"/>
        <v>1235550000</v>
      </c>
      <c r="I41" s="1017"/>
      <c r="J41" s="1017"/>
      <c r="K41" s="1017"/>
      <c r="L41" s="1017"/>
    </row>
    <row r="42" spans="1:12" ht="13.5" thickBot="1">
      <c r="A42" s="1186">
        <f t="shared" si="3"/>
        <v>28</v>
      </c>
      <c r="B42" s="1109" t="s">
        <v>721</v>
      </c>
      <c r="C42" s="1125">
        <f t="shared" ref="C42:H42" si="4">SUM(C29:C41)/13</f>
        <v>0</v>
      </c>
      <c r="D42" s="1102">
        <f t="shared" si="4"/>
        <v>0</v>
      </c>
      <c r="E42" s="1102">
        <f t="shared" si="4"/>
        <v>1139419230.7692308</v>
      </c>
      <c r="F42" s="1102">
        <f t="shared" si="4"/>
        <v>59230769.230769232</v>
      </c>
      <c r="G42" s="1102">
        <f t="shared" si="4"/>
        <v>0</v>
      </c>
      <c r="H42" s="1183">
        <f t="shared" si="4"/>
        <v>1198650000</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56</v>
      </c>
      <c r="F44" s="1191"/>
      <c r="G44" s="1191"/>
      <c r="H44" s="1191"/>
      <c r="I44" s="1017"/>
      <c r="J44" s="1017"/>
      <c r="K44" s="1017"/>
    </row>
    <row r="45" spans="1:12">
      <c r="E45" s="1191"/>
      <c r="F45" s="1191"/>
      <c r="G45" s="1191"/>
      <c r="H45" s="1191"/>
      <c r="J45" s="1187"/>
    </row>
    <row r="46" spans="1:12" ht="15">
      <c r="A46" s="1193" t="s">
        <v>340</v>
      </c>
      <c r="E46" s="1191"/>
      <c r="F46" s="1191"/>
      <c r="G46" s="1191"/>
      <c r="H46" s="1164"/>
    </row>
    <row r="47" spans="1:12" ht="15">
      <c r="A47" s="1193"/>
      <c r="B47" s="1194" t="s">
        <v>710</v>
      </c>
      <c r="C47" s="1194" t="s">
        <v>728</v>
      </c>
      <c r="D47" s="1195" t="s">
        <v>729</v>
      </c>
      <c r="E47" s="1194" t="s">
        <v>711</v>
      </c>
      <c r="F47" s="1195" t="s">
        <v>712</v>
      </c>
      <c r="G47" s="1194" t="s">
        <v>749</v>
      </c>
      <c r="H47" s="1194" t="s">
        <v>757</v>
      </c>
    </row>
    <row r="48" spans="1:12">
      <c r="A48" s="720">
        <f>+A42+1</f>
        <v>29</v>
      </c>
      <c r="B48" s="1196" t="str">
        <f>"Annual Interest Expense for "&amp;TCOS!L4</f>
        <v>Annual Interest Expense for 2021</v>
      </c>
      <c r="C48" s="1197"/>
      <c r="D48" s="1198"/>
      <c r="E48" s="1199"/>
      <c r="F48" s="1199"/>
      <c r="G48" s="1199"/>
      <c r="H48" s="1199"/>
      <c r="I48" s="1199"/>
      <c r="J48" s="1199"/>
      <c r="K48" s="1199"/>
      <c r="L48" s="1199"/>
    </row>
    <row r="49" spans="1:12">
      <c r="A49" s="720">
        <f>+A48+1</f>
        <v>30</v>
      </c>
      <c r="B49" s="1272" t="s">
        <v>776</v>
      </c>
      <c r="C49" s="1197"/>
      <c r="D49" s="1198"/>
      <c r="E49" s="1201">
        <v>44666000</v>
      </c>
      <c r="F49" s="1199"/>
      <c r="G49" s="1199"/>
      <c r="H49" s="1199"/>
      <c r="I49" s="1199"/>
      <c r="J49" s="1199"/>
      <c r="K49" s="1199"/>
      <c r="L49" s="1199"/>
    </row>
    <row r="50" spans="1:12" ht="28.5" customHeight="1">
      <c r="A50" s="720">
        <f t="shared" ref="A50:A55" si="5">+A49+1</f>
        <v>31</v>
      </c>
      <c r="B50" s="1504" t="str">
        <f>"Less: Total Hedge Gain/Expense Accumulated from p 256-257, col. (i) of FERC Form 1  included in Ln "&amp;A49&amp;" and shown in "&amp;A68&amp;" below."</f>
        <v>Less: Total Hedge Gain/Expense Accumulated from p 256-257, col. (i) of FERC Form 1  included in Ln 30 and shown in 43 below.</v>
      </c>
      <c r="C50" s="1505"/>
      <c r="D50" s="1198"/>
      <c r="E50" s="1197">
        <f>+C68</f>
        <v>0</v>
      </c>
      <c r="F50" s="1199"/>
      <c r="G50" s="1199"/>
      <c r="H50" s="1199"/>
      <c r="I50" s="1199"/>
      <c r="J50" s="1199"/>
      <c r="K50" s="1199"/>
      <c r="L50" s="1199"/>
    </row>
    <row r="51" spans="1:12">
      <c r="A51" s="720">
        <f t="shared" si="5"/>
        <v>32</v>
      </c>
      <c r="B51" s="1272" t="s">
        <v>777</v>
      </c>
      <c r="C51" s="1273"/>
      <c r="D51" s="1202"/>
      <c r="E51" s="1201"/>
      <c r="F51" s="1199"/>
      <c r="G51" s="1199"/>
      <c r="H51" s="1199"/>
      <c r="I51" s="1199"/>
      <c r="J51" s="1199"/>
    </row>
    <row r="52" spans="1:12">
      <c r="A52" s="720">
        <f t="shared" si="5"/>
        <v>33</v>
      </c>
      <c r="B52" s="1272" t="s">
        <v>778</v>
      </c>
      <c r="C52" s="1203"/>
      <c r="D52" s="1198"/>
      <c r="E52" s="1201"/>
      <c r="F52" s="1199"/>
      <c r="G52" s="1199"/>
      <c r="H52" s="1199"/>
      <c r="I52" s="1199"/>
      <c r="J52" s="1199"/>
    </row>
    <row r="53" spans="1:12">
      <c r="A53" s="720">
        <f t="shared" si="5"/>
        <v>34</v>
      </c>
      <c r="B53" s="1272" t="s">
        <v>779</v>
      </c>
      <c r="C53" s="1203"/>
      <c r="D53" s="1198"/>
      <c r="E53" s="1201"/>
      <c r="F53" s="1199"/>
      <c r="G53" s="1199"/>
      <c r="H53" s="1199"/>
      <c r="I53" s="1199"/>
      <c r="J53" s="1199"/>
    </row>
    <row r="54" spans="1:12" ht="13.5" thickBot="1">
      <c r="A54" s="720">
        <f t="shared" si="5"/>
        <v>35</v>
      </c>
      <c r="B54" s="1272" t="s">
        <v>780</v>
      </c>
      <c r="C54" s="1203"/>
      <c r="D54" s="1198"/>
      <c r="E54" s="1204"/>
      <c r="F54" s="1199"/>
      <c r="G54" s="1199"/>
      <c r="H54" s="1199"/>
      <c r="I54" s="1199"/>
      <c r="J54" s="1199"/>
    </row>
    <row r="55" spans="1:12">
      <c r="A55" s="720">
        <f t="shared" si="5"/>
        <v>36</v>
      </c>
      <c r="B55" s="1196" t="str">
        <f>"Total Interest Expense (Ln "&amp;A49&amp;" - "&amp;A50&amp;" + "&amp;A51&amp;" + "&amp;A52&amp;" - "&amp;A53&amp;" - "&amp;A54&amp;")"</f>
        <v>Total Interest Expense (Ln 30 - 31 + 32 + 33 - 34 - 35)</v>
      </c>
      <c r="C55" s="1205"/>
      <c r="D55" s="1206"/>
      <c r="E55" s="1207">
        <f>+E49-E50+E51+E52-E53-E54</f>
        <v>44666000</v>
      </c>
      <c r="F55" s="1199"/>
      <c r="G55" s="1199"/>
      <c r="H55" s="1199"/>
      <c r="I55" s="1199"/>
      <c r="J55" s="1199"/>
    </row>
    <row r="56" spans="1:12" ht="13.5" thickBot="1">
      <c r="A56" s="720"/>
      <c r="B56" s="1200"/>
      <c r="C56" s="1203"/>
      <c r="D56" s="1198"/>
      <c r="E56" s="1208"/>
      <c r="F56" s="1199"/>
      <c r="G56" s="1199"/>
      <c r="H56" s="1199"/>
      <c r="I56" s="1199"/>
      <c r="J56" s="1199"/>
    </row>
    <row r="57" spans="1:12" ht="13.5" thickBot="1">
      <c r="A57" s="720">
        <f>+A55+1</f>
        <v>37</v>
      </c>
      <c r="B57" s="1196" t="str">
        <f>"Average Cost of Debt for "&amp;TCOS!L4&amp;" (Ln "&amp;A55&amp;"/ ln "&amp;A42&amp;" (g))"</f>
        <v>Average Cost of Debt for 2021 (Ln 36/ ln 28 (g))</v>
      </c>
      <c r="C57" s="1205"/>
      <c r="D57" s="1198"/>
      <c r="E57" s="1209">
        <f>+E55/H42</f>
        <v>3.7263588203395488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506" t="s">
        <v>758</v>
      </c>
      <c r="C59" s="1506"/>
      <c r="D59" s="1506"/>
      <c r="E59" s="1506"/>
      <c r="F59" s="1212"/>
      <c r="G59" s="1199"/>
      <c r="H59" s="1199"/>
      <c r="I59" s="1199"/>
      <c r="J59" s="1199"/>
    </row>
    <row r="60" spans="1:12" ht="21" customHeight="1">
      <c r="A60" s="1213">
        <f>+A57+1</f>
        <v>38</v>
      </c>
      <c r="B60" s="1507" t="str">
        <f>""&amp;A4&amp;" may not include costs (or gains) related to interest hedging activities."</f>
        <v>AEP Indiana Michigan Transmission Company may not include costs (or gains) related to interest hedging activities.</v>
      </c>
      <c r="C60" s="1507"/>
      <c r="D60" s="1507"/>
      <c r="E60" s="1507"/>
      <c r="F60" s="1507"/>
      <c r="G60" s="1214"/>
      <c r="H60" s="1214"/>
      <c r="I60" s="1199"/>
      <c r="J60" s="1199"/>
    </row>
    <row r="61" spans="1:12">
      <c r="A61" s="1215"/>
      <c r="B61" s="1216"/>
      <c r="C61" s="1216"/>
      <c r="D61" s="1216"/>
      <c r="E61" s="1508" t="s">
        <v>227</v>
      </c>
      <c r="F61" s="1508"/>
      <c r="G61" s="1017"/>
      <c r="H61" s="1017"/>
      <c r="I61" s="1199"/>
      <c r="J61" s="1199"/>
    </row>
    <row r="62" spans="1:12" ht="38.25">
      <c r="A62" s="720"/>
      <c r="B62" s="1218" t="s">
        <v>228</v>
      </c>
      <c r="C62" s="1218" t="str">
        <f>"(Amortization of (Gain)/Loss for "&amp;TCOS!L4</f>
        <v>(Amortization of (Gain)/Loss for 2021</v>
      </c>
      <c r="D62" s="1217" t="s">
        <v>229</v>
      </c>
      <c r="E62" s="1217" t="s">
        <v>86</v>
      </c>
      <c r="F62" s="1217" t="s">
        <v>88</v>
      </c>
      <c r="G62" s="1017"/>
      <c r="H62" s="1017"/>
      <c r="I62" s="1199"/>
      <c r="J62" s="1199"/>
    </row>
    <row r="63" spans="1:12">
      <c r="A63" s="720">
        <f>+A60+1</f>
        <v>39</v>
      </c>
      <c r="B63" s="1219"/>
      <c r="C63" s="1185"/>
      <c r="D63" s="1219"/>
      <c r="E63" s="1219"/>
      <c r="F63" s="1220"/>
      <c r="G63" s="1017"/>
      <c r="H63" s="1017"/>
      <c r="I63" s="1202"/>
      <c r="J63" s="1202"/>
    </row>
    <row r="64" spans="1:12">
      <c r="A64" s="720">
        <f>+A63+1</f>
        <v>40</v>
      </c>
      <c r="B64" s="1219"/>
      <c r="C64" s="1185"/>
      <c r="D64" s="1219"/>
      <c r="E64" s="1219"/>
      <c r="F64" s="1220"/>
      <c r="G64" s="1221"/>
      <c r="H64" s="1221"/>
      <c r="I64" s="1199"/>
      <c r="J64" s="1199"/>
    </row>
    <row r="65" spans="1:10">
      <c r="A65" s="720">
        <f>+A64+1</f>
        <v>41</v>
      </c>
      <c r="B65" s="1219"/>
      <c r="C65" s="1185"/>
      <c r="D65" s="1222"/>
      <c r="E65" s="1222"/>
      <c r="F65" s="1220"/>
      <c r="G65" s="1221"/>
      <c r="H65" s="1221"/>
      <c r="I65" s="1199"/>
      <c r="J65" s="1199"/>
    </row>
    <row r="66" spans="1:10">
      <c r="A66" s="720">
        <f>+A65+1</f>
        <v>42</v>
      </c>
      <c r="B66" s="1219"/>
      <c r="C66" s="1185"/>
      <c r="D66" s="1222"/>
      <c r="E66" s="1222"/>
      <c r="F66" s="1223"/>
      <c r="G66" s="1224"/>
      <c r="H66" s="1225"/>
      <c r="I66" s="1199"/>
      <c r="J66" s="1199"/>
    </row>
    <row r="67" spans="1:10">
      <c r="A67" s="720"/>
      <c r="B67" s="1226"/>
      <c r="C67" s="1227"/>
      <c r="D67" s="1227"/>
      <c r="E67" s="1228"/>
      <c r="F67" s="1199"/>
      <c r="G67" s="1229"/>
      <c r="H67" s="1229"/>
    </row>
    <row r="68" spans="1:10">
      <c r="A68" s="720">
        <f>+A66+1</f>
        <v>43</v>
      </c>
      <c r="B68" s="1230" t="s">
        <v>253</v>
      </c>
      <c r="C68" s="1208">
        <f>SUM(C63:C67)</f>
        <v>0</v>
      </c>
      <c r="D68" s="1208">
        <f>SUM(D63:D67)</f>
        <v>0</v>
      </c>
      <c r="E68" s="1208">
        <f>SUM(E63:E67)</f>
        <v>0</v>
      </c>
      <c r="F68" s="1231">
        <f>SUM(F63:F67)</f>
        <v>0</v>
      </c>
      <c r="G68" s="1199"/>
      <c r="H68" s="1199"/>
    </row>
    <row r="69" spans="1:10">
      <c r="A69" s="720"/>
      <c r="B69" s="1200"/>
      <c r="C69" s="1208"/>
      <c r="D69" s="1208"/>
      <c r="E69" s="1208"/>
      <c r="F69" s="1199"/>
      <c r="G69" s="1199"/>
      <c r="H69" s="1199"/>
    </row>
    <row r="70" spans="1:10">
      <c r="A70" s="720"/>
      <c r="B70" s="1196"/>
      <c r="C70" s="1203"/>
      <c r="D70" s="1198"/>
      <c r="E70" s="1232"/>
      <c r="F70" s="1199"/>
      <c r="G70" s="1199"/>
      <c r="H70" s="1199"/>
    </row>
    <row r="71" spans="1:10">
      <c r="A71" s="720"/>
      <c r="B71" s="1196"/>
      <c r="C71" s="1203"/>
      <c r="D71" s="1198"/>
      <c r="E71" s="1232"/>
      <c r="F71" s="1199"/>
      <c r="G71" s="1199"/>
      <c r="H71" s="1199"/>
    </row>
    <row r="72" spans="1:10" ht="15">
      <c r="A72" s="1233" t="s">
        <v>345</v>
      </c>
      <c r="B72" s="1196"/>
      <c r="C72" s="1203"/>
      <c r="D72" s="1198"/>
      <c r="E72" s="1232"/>
      <c r="F72" s="1199"/>
      <c r="G72" s="1199"/>
      <c r="H72" s="1199"/>
    </row>
    <row r="73" spans="1:10">
      <c r="A73" s="720"/>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20">
        <f>+A74+1</f>
        <v>45</v>
      </c>
      <c r="B75" s="1198" t="s">
        <v>759</v>
      </c>
      <c r="E75" s="1223"/>
    </row>
    <row r="76" spans="1:10">
      <c r="A76" s="720">
        <f>+A75+1</f>
        <v>46</v>
      </c>
      <c r="B76" s="1236" t="str">
        <f>"Average Cost of Preferred Stock (Ln "&amp;A75&amp;" / ln "&amp;A74&amp;")"</f>
        <v>Average Cost of Preferred Stock (Ln 45 / ln 44)</v>
      </c>
      <c r="E76" s="1237"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t="s">
        <v>416</v>
      </c>
    </row>
    <row r="2" spans="1:21" ht="15.75">
      <c r="A2" s="1006" t="s">
        <v>416</v>
      </c>
    </row>
    <row r="3" spans="1:21" ht="18">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c r="N3" s="1488" t="str">
        <f>TCOS!$F$5</f>
        <v>AEPTCo subsidiaries in PJM</v>
      </c>
      <c r="O3" s="1488" t="str">
        <f>TCOS!$F$5</f>
        <v>AEPTCo subsidiaries in PJM</v>
      </c>
    </row>
    <row r="4" spans="1:21" ht="18">
      <c r="A4" s="1487" t="str">
        <f>"Cost of Service Formula Rate Using Actual/Projected FF1 Balances"</f>
        <v>Cost of Service Formula Rate Using Actual/Projected FF1 Balances</v>
      </c>
      <c r="B4" s="1487"/>
      <c r="C4" s="1487"/>
      <c r="D4" s="1487"/>
      <c r="E4" s="1487"/>
      <c r="F4" s="1487"/>
      <c r="G4" s="1487"/>
      <c r="H4" s="1487"/>
      <c r="I4" s="1487"/>
      <c r="J4" s="1487"/>
      <c r="K4" s="1487"/>
      <c r="L4" s="1487"/>
      <c r="M4" s="1487"/>
      <c r="N4" s="1487"/>
      <c r="O4" s="1487"/>
    </row>
    <row r="5" spans="1:21" ht="18">
      <c r="A5" s="1487" t="s">
        <v>24</v>
      </c>
      <c r="B5" s="1487"/>
      <c r="C5" s="1487"/>
      <c r="D5" s="1487"/>
      <c r="E5" s="1487"/>
      <c r="F5" s="1487"/>
      <c r="G5" s="1487"/>
      <c r="H5" s="1487"/>
      <c r="I5" s="1487"/>
      <c r="J5" s="1487"/>
      <c r="K5" s="1487"/>
      <c r="L5" s="1487"/>
      <c r="M5" s="1487"/>
      <c r="N5" s="1487"/>
      <c r="O5" s="1487"/>
    </row>
    <row r="6" spans="1:21" ht="18">
      <c r="A6" s="1479" t="str">
        <f>+TCOS!F9</f>
        <v>AEP Indiana Michigan Transmission Company</v>
      </c>
      <c r="B6" s="1479"/>
      <c r="C6" s="1479"/>
      <c r="D6" s="1479"/>
      <c r="E6" s="1479"/>
      <c r="F6" s="1479"/>
      <c r="G6" s="1479"/>
      <c r="H6" s="1479"/>
      <c r="I6" s="1479"/>
      <c r="J6" s="1479"/>
      <c r="K6" s="1479"/>
      <c r="L6" s="1479"/>
      <c r="M6" s="1479"/>
      <c r="N6" s="1479"/>
      <c r="O6" s="1479"/>
    </row>
    <row r="7" spans="1:21" ht="12.75" customHeight="1">
      <c r="A7" s="81"/>
      <c r="B7" s="81"/>
      <c r="C7" s="81"/>
      <c r="D7" s="81"/>
      <c r="E7" s="81"/>
      <c r="F7" s="81"/>
      <c r="G7" s="81"/>
      <c r="H7" s="81"/>
      <c r="I7" s="81"/>
      <c r="J7" s="81"/>
      <c r="K7" s="81"/>
      <c r="L7" s="81"/>
    </row>
    <row r="8" spans="1:21" ht="12.75" customHeight="1">
      <c r="A8" s="1513" t="s">
        <v>16</v>
      </c>
      <c r="B8" s="1513"/>
      <c r="C8" s="1513"/>
      <c r="D8" s="1513"/>
      <c r="E8" s="1513"/>
      <c r="F8" s="1513"/>
      <c r="G8" s="1513"/>
      <c r="H8" s="1513"/>
      <c r="I8" s="1513"/>
      <c r="J8" s="1513"/>
      <c r="K8" s="1513"/>
      <c r="L8" s="1513"/>
      <c r="M8" s="1513"/>
      <c r="N8" s="1513"/>
      <c r="O8" s="1513"/>
    </row>
    <row r="9" spans="1:21" ht="12.75" customHeight="1">
      <c r="A9" s="1513"/>
      <c r="B9" s="1513"/>
      <c r="C9" s="1513"/>
      <c r="D9" s="1513"/>
      <c r="E9" s="1513"/>
      <c r="F9" s="1513"/>
      <c r="G9" s="1513"/>
      <c r="H9" s="1513"/>
      <c r="I9" s="1513"/>
      <c r="J9" s="1513"/>
      <c r="K9" s="1513"/>
      <c r="L9" s="1513"/>
      <c r="M9" s="1513"/>
      <c r="N9" s="1513"/>
      <c r="O9" s="1513"/>
    </row>
    <row r="10" spans="1:21">
      <c r="A10" s="1513"/>
      <c r="B10" s="1513"/>
      <c r="C10" s="1513"/>
      <c r="D10" s="1513"/>
      <c r="E10" s="1513"/>
      <c r="F10" s="1513"/>
      <c r="G10" s="1513"/>
      <c r="H10" s="1513"/>
      <c r="I10" s="1513"/>
      <c r="J10" s="1513"/>
      <c r="K10" s="1513"/>
      <c r="L10" s="1513"/>
      <c r="M10" s="1513"/>
      <c r="N10" s="1513"/>
      <c r="O10" s="1513"/>
    </row>
    <row r="11" spans="1:21">
      <c r="A11" s="1513"/>
      <c r="B11" s="1513"/>
      <c r="C11" s="1513"/>
      <c r="D11" s="1513"/>
      <c r="E11" s="1513"/>
      <c r="F11" s="1513"/>
      <c r="G11" s="1513"/>
      <c r="H11" s="1513"/>
      <c r="I11" s="1513"/>
      <c r="J11" s="1513"/>
      <c r="K11" s="1513"/>
      <c r="L11" s="1513"/>
      <c r="M11" s="1513"/>
      <c r="N11" s="1513"/>
      <c r="O11" s="1513"/>
    </row>
    <row r="12" spans="1:21">
      <c r="B12" s="1" t="s">
        <v>462</v>
      </c>
      <c r="C12" s="1"/>
      <c r="D12" s="1486" t="s">
        <v>463</v>
      </c>
      <c r="E12" s="1486"/>
      <c r="F12" s="1486"/>
      <c r="G12" s="1486"/>
      <c r="H12" s="1"/>
      <c r="I12" s="1" t="s">
        <v>331</v>
      </c>
      <c r="J12" s="1"/>
      <c r="K12" s="1" t="s">
        <v>465</v>
      </c>
      <c r="L12" s="1"/>
      <c r="M12" s="1" t="s">
        <v>385</v>
      </c>
      <c r="N12" s="1"/>
      <c r="O12" s="1" t="s">
        <v>386</v>
      </c>
      <c r="P12" s="1"/>
      <c r="Q12" s="1" t="s">
        <v>357</v>
      </c>
      <c r="R12" s="1"/>
      <c r="S12" s="1" t="s">
        <v>392</v>
      </c>
      <c r="U12" s="56" t="s">
        <v>296</v>
      </c>
    </row>
    <row r="13" spans="1:21">
      <c r="I13" s="1515" t="s">
        <v>355</v>
      </c>
      <c r="Q13" s="1514" t="s">
        <v>356</v>
      </c>
      <c r="S13" s="1515" t="s">
        <v>358</v>
      </c>
      <c r="U13" s="139" t="s">
        <v>273</v>
      </c>
    </row>
    <row r="14" spans="1:21">
      <c r="A14" s="84" t="s">
        <v>354</v>
      </c>
      <c r="B14" s="84" t="s">
        <v>350</v>
      </c>
      <c r="C14" s="84"/>
      <c r="D14" s="102" t="s">
        <v>351</v>
      </c>
      <c r="E14" s="84"/>
      <c r="F14" s="84"/>
      <c r="G14" s="84"/>
      <c r="H14" s="84"/>
      <c r="I14" s="1517"/>
      <c r="J14" s="84"/>
      <c r="K14" s="84" t="s">
        <v>352</v>
      </c>
      <c r="L14" s="84"/>
      <c r="M14" s="84" t="s">
        <v>353</v>
      </c>
      <c r="N14" s="84"/>
      <c r="O14" s="84" t="s">
        <v>290</v>
      </c>
      <c r="Q14" s="1514"/>
      <c r="S14" s="1515"/>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8"/>
      <c r="D17" s="1516"/>
      <c r="E17" s="1516"/>
      <c r="F17" s="1516"/>
      <c r="G17" s="1516"/>
      <c r="I17" s="859"/>
      <c r="K17" s="857"/>
      <c r="L17" s="75"/>
      <c r="M17" s="857"/>
      <c r="O17" s="88">
        <f>+K17-M17</f>
        <v>0</v>
      </c>
      <c r="Q17" s="104">
        <f>IF(I17="G",TCOS!L219,IF(I17="T",1,0))</f>
        <v>0</v>
      </c>
      <c r="S17" s="88">
        <f>ROUND(O17*Q17,0)</f>
        <v>0</v>
      </c>
      <c r="U17" s="860"/>
    </row>
    <row r="18" spans="1:21">
      <c r="A18" s="1"/>
      <c r="D18" s="1516"/>
      <c r="E18" s="1516"/>
      <c r="F18" s="1516"/>
      <c r="G18" s="1516"/>
      <c r="K18" s="75"/>
      <c r="L18" s="75"/>
      <c r="M18" s="75"/>
      <c r="O18" s="75"/>
      <c r="Q18" s="104"/>
      <c r="S18" s="75"/>
    </row>
    <row r="19" spans="1:21">
      <c r="A19" s="1"/>
      <c r="D19" s="1516"/>
      <c r="E19" s="1516"/>
      <c r="F19" s="1516"/>
      <c r="G19" s="1516"/>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16"/>
      <c r="E22" s="1516"/>
      <c r="F22" s="1516"/>
      <c r="G22" s="1516"/>
      <c r="I22" s="859"/>
      <c r="K22" s="857"/>
      <c r="L22" s="75"/>
      <c r="M22" s="857"/>
      <c r="O22" s="88">
        <f>+K22-M22</f>
        <v>0</v>
      </c>
      <c r="Q22" s="104">
        <f>IF(I22="G",TCOS!L219,IF(I22="T",1,0))</f>
        <v>0</v>
      </c>
      <c r="S22" s="88">
        <f>ROUND(O22*Q22,0)</f>
        <v>0</v>
      </c>
      <c r="U22" s="860"/>
    </row>
    <row r="23" spans="1:21">
      <c r="A23" s="1"/>
      <c r="D23" s="1516"/>
      <c r="E23" s="1516"/>
      <c r="F23" s="1516"/>
      <c r="G23" s="1516"/>
      <c r="K23" s="75"/>
      <c r="L23" s="75"/>
      <c r="M23" s="75"/>
      <c r="O23" s="75"/>
      <c r="Q23" s="104"/>
      <c r="S23" s="75"/>
    </row>
    <row r="24" spans="1:21">
      <c r="A24" s="1"/>
      <c r="D24" s="1516"/>
      <c r="E24" s="1516"/>
      <c r="F24" s="1516"/>
      <c r="G24" s="1516"/>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16"/>
      <c r="E27" s="1516"/>
      <c r="F27" s="1516"/>
      <c r="G27" s="1516"/>
      <c r="I27" s="859"/>
      <c r="K27" s="857"/>
      <c r="L27" s="75"/>
      <c r="M27" s="857"/>
      <c r="O27" s="88">
        <f>+K27-M27</f>
        <v>0</v>
      </c>
      <c r="Q27" s="104">
        <f>IF(I27="G",TCOS!L219,IF(I27="T",1,0))</f>
        <v>0</v>
      </c>
      <c r="S27" s="88">
        <f>ROUND(O27*Q27,0)</f>
        <v>0</v>
      </c>
      <c r="U27" s="860"/>
    </row>
    <row r="28" spans="1:21">
      <c r="A28" s="1"/>
      <c r="D28" s="1516"/>
      <c r="E28" s="1516"/>
      <c r="F28" s="1516"/>
      <c r="G28" s="1516"/>
      <c r="K28" s="75"/>
      <c r="L28" s="75"/>
      <c r="M28" s="75"/>
      <c r="O28" s="75"/>
      <c r="Q28" s="104"/>
      <c r="S28" s="75"/>
    </row>
    <row r="29" spans="1:21">
      <c r="A29" s="1"/>
      <c r="D29" s="1516"/>
      <c r="E29" s="1516"/>
      <c r="F29" s="1516"/>
      <c r="G29" s="1516"/>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D22:G24"/>
    <mergeCell ref="D27:G29"/>
    <mergeCell ref="A3:O3"/>
    <mergeCell ref="A4:O4"/>
    <mergeCell ref="A5:O5"/>
    <mergeCell ref="I13:I14"/>
    <mergeCell ref="D12:G12"/>
    <mergeCell ref="A6:O6"/>
    <mergeCell ref="A8:O11"/>
    <mergeCell ref="Q13:Q14"/>
    <mergeCell ref="S13:S14"/>
    <mergeCell ref="D17:G1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activeCell="G12" sqref="G12"/>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41" t="str">
        <f>TCOS!F5</f>
        <v>AEPTCo subsidiaries in PJM</v>
      </c>
      <c r="B1" s="1441" t="s">
        <v>329</v>
      </c>
      <c r="C1" s="1441" t="s">
        <v>329</v>
      </c>
      <c r="D1" s="1441" t="s">
        <v>329</v>
      </c>
      <c r="E1" s="1441" t="s">
        <v>329</v>
      </c>
      <c r="F1" s="1441" t="s">
        <v>329</v>
      </c>
      <c r="G1" s="1441" t="s">
        <v>329</v>
      </c>
      <c r="H1" s="1077"/>
      <c r="I1" s="1077"/>
    </row>
    <row r="2" spans="1:12" ht="15">
      <c r="A2" s="1442" t="str">
        <f>"Cost of Service Formula Rate Using Actual/Projected FF1 Balances"</f>
        <v>Cost of Service Formula Rate Using Actual/Projected FF1 Balances</v>
      </c>
      <c r="B2" s="1442"/>
      <c r="C2" s="1442"/>
      <c r="D2" s="1442"/>
      <c r="E2" s="1442"/>
      <c r="F2" s="1442"/>
      <c r="G2" s="1442"/>
      <c r="H2" s="1077"/>
      <c r="I2" s="1077"/>
      <c r="J2" s="1077"/>
      <c r="L2" s="1079"/>
    </row>
    <row r="3" spans="1:12" ht="15">
      <c r="A3" s="1442" t="s">
        <v>703</v>
      </c>
      <c r="B3" s="1442"/>
      <c r="C3" s="1442"/>
      <c r="D3" s="1442"/>
      <c r="E3" s="1442"/>
      <c r="F3" s="1442"/>
      <c r="G3" s="1442"/>
      <c r="H3" s="1077"/>
      <c r="I3" s="1077"/>
      <c r="J3" s="1077"/>
    </row>
    <row r="4" spans="1:12" ht="15">
      <c r="A4" s="1448" t="str">
        <f>TCOS!F9</f>
        <v>AEP Indiana Michigan Transmission Company</v>
      </c>
      <c r="B4" s="1448"/>
      <c r="C4" s="1448"/>
      <c r="D4" s="1448"/>
      <c r="E4" s="1448"/>
      <c r="F4" s="1448"/>
      <c r="G4" s="1448"/>
      <c r="H4" s="1077"/>
      <c r="I4" s="1077"/>
      <c r="J4" s="1077"/>
    </row>
    <row r="5" spans="1:12">
      <c r="A5" s="1077"/>
      <c r="B5" s="1080"/>
      <c r="C5" s="1080"/>
      <c r="D5" s="1080"/>
      <c r="E5" s="1081"/>
      <c r="F5" s="1082"/>
      <c r="H5" s="1082"/>
      <c r="J5" s="1082"/>
      <c r="L5" s="1082"/>
    </row>
    <row r="6" spans="1:12" ht="12.75" customHeight="1">
      <c r="A6" s="1077"/>
      <c r="B6" s="1080"/>
      <c r="C6" s="1443" t="s">
        <v>704</v>
      </c>
      <c r="D6" s="1444"/>
      <c r="E6" s="1444"/>
      <c r="F6" s="1444"/>
      <c r="G6" s="1445"/>
      <c r="H6" s="1083"/>
      <c r="I6" s="1083"/>
      <c r="J6" s="1083"/>
      <c r="K6" s="1083"/>
      <c r="L6" s="4"/>
    </row>
    <row r="7" spans="1:12" s="1088" customFormat="1" ht="25.5">
      <c r="A7" s="1084" t="s">
        <v>705</v>
      </c>
      <c r="B7" s="1085" t="s">
        <v>706</v>
      </c>
      <c r="C7" s="1086" t="s">
        <v>417</v>
      </c>
      <c r="D7" s="1086" t="s">
        <v>707</v>
      </c>
      <c r="E7" s="1086" t="s">
        <v>136</v>
      </c>
      <c r="F7" s="1086" t="s">
        <v>708</v>
      </c>
      <c r="G7" s="1085" t="s">
        <v>709</v>
      </c>
      <c r="H7" s="7"/>
      <c r="I7" s="1087"/>
      <c r="J7" s="1087"/>
      <c r="K7" s="1087"/>
      <c r="L7" s="4"/>
    </row>
    <row r="8" spans="1:12" s="1093" customFormat="1">
      <c r="A8" s="1089"/>
      <c r="B8" s="1090" t="s">
        <v>710</v>
      </c>
      <c r="C8" s="1091" t="s">
        <v>711</v>
      </c>
      <c r="D8" s="1091" t="s">
        <v>712</v>
      </c>
      <c r="E8" s="1091" t="s">
        <v>713</v>
      </c>
      <c r="F8" s="1091" t="s">
        <v>714</v>
      </c>
      <c r="G8" s="1092" t="s">
        <v>715</v>
      </c>
      <c r="H8"/>
      <c r="L8" s="4"/>
    </row>
    <row r="9" spans="1:12" s="1093" customFormat="1" ht="44.25" customHeight="1">
      <c r="A9" s="1089"/>
      <c r="B9" s="1090" t="s">
        <v>716</v>
      </c>
      <c r="C9" s="1094" t="s">
        <v>231</v>
      </c>
      <c r="D9" s="1094" t="s">
        <v>232</v>
      </c>
      <c r="E9" s="1094" t="s">
        <v>233</v>
      </c>
      <c r="F9" s="1094" t="s">
        <v>234</v>
      </c>
      <c r="G9" s="1095" t="s">
        <v>235</v>
      </c>
      <c r="H9"/>
      <c r="L9" s="4"/>
    </row>
    <row r="10" spans="1:12">
      <c r="A10" s="1089">
        <v>1</v>
      </c>
      <c r="B10" s="1096" t="s">
        <v>717</v>
      </c>
      <c r="C10" s="1407">
        <v>2727494000</v>
      </c>
      <c r="D10" s="1097">
        <v>0</v>
      </c>
      <c r="E10" s="1410">
        <v>49273000</v>
      </c>
      <c r="F10" s="1097">
        <v>0</v>
      </c>
      <c r="G10" s="1336">
        <v>25065000</v>
      </c>
      <c r="H10"/>
      <c r="L10" s="4"/>
    </row>
    <row r="11" spans="1:12">
      <c r="A11" s="1089">
        <f>+A10+1</f>
        <v>2</v>
      </c>
      <c r="B11" s="1096" t="s">
        <v>576</v>
      </c>
      <c r="C11" s="1408">
        <v>2732342000</v>
      </c>
      <c r="D11" s="1308">
        <v>0</v>
      </c>
      <c r="E11" s="1411">
        <v>49425000</v>
      </c>
      <c r="F11" s="1308">
        <v>0</v>
      </c>
      <c r="G11" s="1337">
        <v>25330000</v>
      </c>
      <c r="H11"/>
      <c r="L11" s="4"/>
    </row>
    <row r="12" spans="1:12">
      <c r="A12" s="1089">
        <f t="shared" ref="A12:A23" si="0">+A11+1</f>
        <v>3</v>
      </c>
      <c r="B12" s="1098" t="s">
        <v>577</v>
      </c>
      <c r="C12" s="1408">
        <v>2747517000</v>
      </c>
      <c r="D12" s="1308">
        <v>0</v>
      </c>
      <c r="E12" s="1411">
        <v>49552000</v>
      </c>
      <c r="F12" s="1308">
        <v>0</v>
      </c>
      <c r="G12" s="1337">
        <v>25650000</v>
      </c>
      <c r="H12"/>
      <c r="L12" s="4"/>
    </row>
    <row r="13" spans="1:12">
      <c r="A13" s="1089">
        <f t="shared" si="0"/>
        <v>4</v>
      </c>
      <c r="B13" s="1098" t="s">
        <v>718</v>
      </c>
      <c r="C13" s="1408">
        <v>2766446000</v>
      </c>
      <c r="D13" s="1308">
        <v>0</v>
      </c>
      <c r="E13" s="1411">
        <v>49655000</v>
      </c>
      <c r="F13" s="1308">
        <v>0</v>
      </c>
      <c r="G13" s="1337">
        <v>26029000</v>
      </c>
      <c r="H13"/>
      <c r="L13" s="4"/>
    </row>
    <row r="14" spans="1:12">
      <c r="A14" s="1089">
        <f t="shared" si="0"/>
        <v>5</v>
      </c>
      <c r="B14" s="1098" t="s">
        <v>579</v>
      </c>
      <c r="C14" s="1408">
        <v>2784679000</v>
      </c>
      <c r="D14" s="1308">
        <v>0</v>
      </c>
      <c r="E14" s="1411">
        <v>49760000</v>
      </c>
      <c r="F14" s="1308">
        <v>0</v>
      </c>
      <c r="G14" s="1337">
        <v>26408000</v>
      </c>
      <c r="H14"/>
      <c r="L14" s="4"/>
    </row>
    <row r="15" spans="1:12">
      <c r="A15" s="1089">
        <f t="shared" si="0"/>
        <v>6</v>
      </c>
      <c r="B15" s="1098" t="s">
        <v>580</v>
      </c>
      <c r="C15" s="1408">
        <v>2826483000</v>
      </c>
      <c r="D15" s="1308">
        <v>0</v>
      </c>
      <c r="E15" s="1411">
        <v>49863000</v>
      </c>
      <c r="F15" s="1308">
        <v>0</v>
      </c>
      <c r="G15" s="1337">
        <v>26784000</v>
      </c>
      <c r="H15"/>
      <c r="L15" s="4"/>
    </row>
    <row r="16" spans="1:12">
      <c r="A16" s="1089">
        <f t="shared" si="0"/>
        <v>7</v>
      </c>
      <c r="B16" s="1098" t="s">
        <v>581</v>
      </c>
      <c r="C16" s="1408">
        <v>2912593000</v>
      </c>
      <c r="D16" s="1308">
        <v>0</v>
      </c>
      <c r="E16" s="1411">
        <v>49971000</v>
      </c>
      <c r="F16" s="1308">
        <v>0</v>
      </c>
      <c r="G16" s="1337">
        <v>27166000</v>
      </c>
      <c r="H16"/>
      <c r="L16" s="4"/>
    </row>
    <row r="17" spans="1:12">
      <c r="A17" s="1089">
        <f t="shared" si="0"/>
        <v>8</v>
      </c>
      <c r="B17" s="1098" t="s">
        <v>582</v>
      </c>
      <c r="C17" s="1408">
        <v>2929660000</v>
      </c>
      <c r="D17" s="1308">
        <v>0</v>
      </c>
      <c r="E17" s="1411">
        <v>50072000</v>
      </c>
      <c r="F17" s="1308">
        <v>0</v>
      </c>
      <c r="G17" s="1337">
        <v>27541000</v>
      </c>
      <c r="H17"/>
      <c r="L17" s="4"/>
    </row>
    <row r="18" spans="1:12">
      <c r="A18" s="1089">
        <f t="shared" si="0"/>
        <v>9</v>
      </c>
      <c r="B18" s="1098" t="s">
        <v>719</v>
      </c>
      <c r="C18" s="1408">
        <v>2968043000</v>
      </c>
      <c r="D18" s="1308">
        <v>0</v>
      </c>
      <c r="E18" s="1411">
        <v>50174000</v>
      </c>
      <c r="F18" s="1308">
        <v>0</v>
      </c>
      <c r="G18" s="1337">
        <v>27913000</v>
      </c>
      <c r="H18"/>
      <c r="L18" s="4"/>
    </row>
    <row r="19" spans="1:12">
      <c r="A19" s="1089">
        <f t="shared" si="0"/>
        <v>10</v>
      </c>
      <c r="B19" s="1098" t="s">
        <v>584</v>
      </c>
      <c r="C19" s="1408">
        <v>2996954000</v>
      </c>
      <c r="D19" s="1308">
        <v>0</v>
      </c>
      <c r="E19" s="1411">
        <v>50409000</v>
      </c>
      <c r="F19" s="1308">
        <v>0</v>
      </c>
      <c r="G19" s="1337">
        <v>28275000</v>
      </c>
      <c r="H19"/>
      <c r="L19" s="4"/>
    </row>
    <row r="20" spans="1:12">
      <c r="A20" s="1089">
        <f t="shared" si="0"/>
        <v>11</v>
      </c>
      <c r="B20" s="1098" t="s">
        <v>585</v>
      </c>
      <c r="C20" s="1408">
        <v>3031570000</v>
      </c>
      <c r="D20" s="1308">
        <v>0</v>
      </c>
      <c r="E20" s="1411">
        <v>50644000</v>
      </c>
      <c r="F20" s="1308">
        <v>0</v>
      </c>
      <c r="G20" s="1337">
        <v>28635000</v>
      </c>
      <c r="H20"/>
      <c r="L20" s="4"/>
    </row>
    <row r="21" spans="1:12">
      <c r="A21" s="1089">
        <f t="shared" si="0"/>
        <v>12</v>
      </c>
      <c r="B21" s="1098" t="s">
        <v>586</v>
      </c>
      <c r="C21" s="1408">
        <v>3113988000</v>
      </c>
      <c r="D21" s="1308">
        <v>0</v>
      </c>
      <c r="E21" s="1411">
        <v>50877000</v>
      </c>
      <c r="F21" s="1308">
        <v>0</v>
      </c>
      <c r="G21" s="1337">
        <v>28991000</v>
      </c>
      <c r="H21"/>
      <c r="L21" s="4"/>
    </row>
    <row r="22" spans="1:12">
      <c r="A22" s="1099">
        <f t="shared" si="0"/>
        <v>13</v>
      </c>
      <c r="B22" s="1100" t="s">
        <v>720</v>
      </c>
      <c r="C22" s="1409">
        <v>3155355000</v>
      </c>
      <c r="D22" s="1097">
        <v>0</v>
      </c>
      <c r="E22" s="1412">
        <v>51097000</v>
      </c>
      <c r="F22" s="1097">
        <v>0</v>
      </c>
      <c r="G22" s="1337">
        <v>29341000</v>
      </c>
      <c r="H22"/>
      <c r="L22" s="4"/>
    </row>
    <row r="23" spans="1:12" ht="13.5" thickBot="1">
      <c r="A23" s="1099">
        <f t="shared" si="0"/>
        <v>14</v>
      </c>
      <c r="B23" s="1101" t="s">
        <v>721</v>
      </c>
      <c r="C23" s="1102">
        <f>ROUND(SUM(C10:C22)/13,-3)</f>
        <v>2899471000</v>
      </c>
      <c r="D23" s="1102">
        <f>ROUND(SUM(D10:D22)/13,-3)</f>
        <v>0</v>
      </c>
      <c r="E23" s="1102">
        <f>ROUND(SUM(E10:E22)/13,-3)</f>
        <v>50059000</v>
      </c>
      <c r="F23" s="1102">
        <f>ROUND(SUM(F10:F22)/13,-3)</f>
        <v>0</v>
      </c>
      <c r="G23" s="1103">
        <f>ROUND(SUM(G10:G22)/13,-3)</f>
        <v>27164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46" t="s">
        <v>722</v>
      </c>
      <c r="D25" s="1447"/>
      <c r="E25" s="1447"/>
      <c r="F25" s="1447"/>
      <c r="G25" s="1447"/>
      <c r="H25"/>
      <c r="I25"/>
      <c r="J25"/>
      <c r="K25"/>
      <c r="L25" s="4"/>
    </row>
    <row r="26" spans="1:12" s="1088" customFormat="1" ht="25.5">
      <c r="A26" s="1084" t="s">
        <v>705</v>
      </c>
      <c r="B26" s="1085" t="s">
        <v>706</v>
      </c>
      <c r="C26" s="1086" t="s">
        <v>417</v>
      </c>
      <c r="D26" s="1086" t="s">
        <v>707</v>
      </c>
      <c r="E26" s="1086" t="s">
        <v>136</v>
      </c>
      <c r="F26" s="1086" t="s">
        <v>708</v>
      </c>
      <c r="G26" s="1107" t="s">
        <v>709</v>
      </c>
      <c r="H26"/>
      <c r="I26"/>
      <c r="J26"/>
      <c r="K26"/>
      <c r="L26" s="4"/>
    </row>
    <row r="27" spans="1:12" s="1093" customFormat="1">
      <c r="A27" s="1089"/>
      <c r="B27" s="1090" t="s">
        <v>710</v>
      </c>
      <c r="C27" s="1091" t="s">
        <v>711</v>
      </c>
      <c r="D27" s="1091" t="s">
        <v>712</v>
      </c>
      <c r="E27" s="1091" t="s">
        <v>713</v>
      </c>
      <c r="F27" s="1091" t="s">
        <v>714</v>
      </c>
      <c r="G27" s="1092" t="s">
        <v>715</v>
      </c>
      <c r="H27"/>
      <c r="I27"/>
      <c r="J27"/>
      <c r="K27"/>
      <c r="L27" s="4"/>
    </row>
    <row r="28" spans="1:12" s="1093" customFormat="1" ht="44.25" customHeight="1">
      <c r="A28" s="1089"/>
      <c r="B28" s="1090" t="s">
        <v>716</v>
      </c>
      <c r="C28" s="1094" t="s">
        <v>180</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302</v>
      </c>
      <c r="H28"/>
      <c r="I28"/>
      <c r="J28"/>
      <c r="K28"/>
      <c r="L28" s="4"/>
    </row>
    <row r="29" spans="1:12">
      <c r="A29" s="1089">
        <f>+A23+1</f>
        <v>15</v>
      </c>
      <c r="B29" s="1096" t="s">
        <v>717</v>
      </c>
      <c r="C29" s="1407">
        <v>165386000</v>
      </c>
      <c r="D29" s="1097">
        <v>0</v>
      </c>
      <c r="E29" s="1410">
        <v>306000</v>
      </c>
      <c r="F29" s="1097">
        <v>0</v>
      </c>
      <c r="G29" s="1336">
        <v>9728000</v>
      </c>
      <c r="H29"/>
      <c r="I29"/>
      <c r="J29"/>
      <c r="K29"/>
      <c r="L29" s="4"/>
    </row>
    <row r="30" spans="1:12">
      <c r="A30" s="1089">
        <f>+A29+1</f>
        <v>16</v>
      </c>
      <c r="B30" s="1096" t="s">
        <v>576</v>
      </c>
      <c r="C30" s="1408">
        <v>170914000</v>
      </c>
      <c r="D30" s="1308">
        <v>0</v>
      </c>
      <c r="E30" s="1411">
        <v>396000</v>
      </c>
      <c r="F30" s="1308">
        <v>0</v>
      </c>
      <c r="G30" s="1337">
        <v>10096000</v>
      </c>
      <c r="H30"/>
      <c r="I30"/>
      <c r="J30"/>
      <c r="K30"/>
      <c r="L30" s="4"/>
    </row>
    <row r="31" spans="1:12">
      <c r="A31" s="1089">
        <f t="shared" ref="A31:A42" si="1">+A30+1</f>
        <v>17</v>
      </c>
      <c r="B31" s="1098" t="s">
        <v>577</v>
      </c>
      <c r="C31" s="1408">
        <v>176452000</v>
      </c>
      <c r="D31" s="1308">
        <v>0</v>
      </c>
      <c r="E31" s="1411">
        <v>485000</v>
      </c>
      <c r="F31" s="1308">
        <v>0</v>
      </c>
      <c r="G31" s="1337">
        <v>10468000</v>
      </c>
      <c r="H31"/>
      <c r="I31"/>
      <c r="J31"/>
      <c r="K31"/>
      <c r="L31" s="4"/>
    </row>
    <row r="32" spans="1:12">
      <c r="A32" s="1089">
        <f t="shared" si="1"/>
        <v>18</v>
      </c>
      <c r="B32" s="1098" t="s">
        <v>718</v>
      </c>
      <c r="C32" s="1408">
        <v>182021000</v>
      </c>
      <c r="D32" s="1308">
        <v>0</v>
      </c>
      <c r="E32" s="1411">
        <v>575000</v>
      </c>
      <c r="F32" s="1308">
        <v>0</v>
      </c>
      <c r="G32" s="1337">
        <v>10845000</v>
      </c>
      <c r="H32"/>
      <c r="I32"/>
      <c r="J32"/>
      <c r="K32"/>
      <c r="L32" s="4"/>
    </row>
    <row r="33" spans="1:12">
      <c r="A33" s="1089">
        <f t="shared" si="1"/>
        <v>19</v>
      </c>
      <c r="B33" s="1098" t="s">
        <v>579</v>
      </c>
      <c r="C33" s="1408">
        <v>187627000</v>
      </c>
      <c r="D33" s="1308">
        <v>0</v>
      </c>
      <c r="E33" s="1411">
        <v>665000</v>
      </c>
      <c r="F33" s="1308">
        <v>0</v>
      </c>
      <c r="G33" s="1337">
        <v>11229000</v>
      </c>
      <c r="H33"/>
      <c r="I33"/>
      <c r="J33"/>
      <c r="K33"/>
      <c r="L33" s="4"/>
    </row>
    <row r="34" spans="1:12">
      <c r="A34" s="1089">
        <f t="shared" si="1"/>
        <v>20</v>
      </c>
      <c r="B34" s="1098" t="s">
        <v>580</v>
      </c>
      <c r="C34" s="1408">
        <v>193271000</v>
      </c>
      <c r="D34" s="1308">
        <v>0</v>
      </c>
      <c r="E34" s="1411">
        <v>755000</v>
      </c>
      <c r="F34" s="1308">
        <v>0</v>
      </c>
      <c r="G34" s="1337">
        <v>11619000</v>
      </c>
      <c r="H34"/>
      <c r="I34"/>
      <c r="J34"/>
      <c r="K34"/>
      <c r="L34" s="4"/>
    </row>
    <row r="35" spans="1:12">
      <c r="A35" s="1089">
        <f t="shared" si="1"/>
        <v>21</v>
      </c>
      <c r="B35" s="1098" t="s">
        <v>581</v>
      </c>
      <c r="C35" s="1408">
        <v>198999000</v>
      </c>
      <c r="D35" s="1308">
        <v>0</v>
      </c>
      <c r="E35" s="1411">
        <v>845000</v>
      </c>
      <c r="F35" s="1308">
        <v>0</v>
      </c>
      <c r="G35" s="1337">
        <v>12015000</v>
      </c>
      <c r="H35"/>
      <c r="I35"/>
      <c r="J35"/>
      <c r="K35"/>
      <c r="L35" s="4"/>
    </row>
    <row r="36" spans="1:12">
      <c r="A36" s="1089">
        <f t="shared" si="1"/>
        <v>22</v>
      </c>
      <c r="B36" s="1098" t="s">
        <v>582</v>
      </c>
      <c r="C36" s="1408">
        <v>204901000</v>
      </c>
      <c r="D36" s="1308">
        <v>0</v>
      </c>
      <c r="E36" s="1411">
        <v>936000</v>
      </c>
      <c r="F36" s="1308">
        <v>0</v>
      </c>
      <c r="G36" s="1337">
        <v>12418000</v>
      </c>
      <c r="H36"/>
      <c r="I36"/>
      <c r="J36"/>
      <c r="K36"/>
      <c r="L36" s="4"/>
    </row>
    <row r="37" spans="1:12">
      <c r="A37" s="1089">
        <f t="shared" si="1"/>
        <v>23</v>
      </c>
      <c r="B37" s="1098" t="s">
        <v>719</v>
      </c>
      <c r="C37" s="1408">
        <v>210838000</v>
      </c>
      <c r="D37" s="1308">
        <v>0</v>
      </c>
      <c r="E37" s="1411">
        <v>1026000</v>
      </c>
      <c r="F37" s="1308">
        <v>0</v>
      </c>
      <c r="G37" s="1337">
        <v>12826000</v>
      </c>
      <c r="H37"/>
      <c r="I37"/>
      <c r="J37"/>
      <c r="K37"/>
      <c r="L37" s="4"/>
    </row>
    <row r="38" spans="1:12">
      <c r="A38" s="1089">
        <f t="shared" si="1"/>
        <v>24</v>
      </c>
      <c r="B38" s="1098" t="s">
        <v>584</v>
      </c>
      <c r="C38" s="1408">
        <v>216853000</v>
      </c>
      <c r="D38" s="1308">
        <v>0</v>
      </c>
      <c r="E38" s="1411">
        <v>1117000</v>
      </c>
      <c r="F38" s="1308">
        <v>0</v>
      </c>
      <c r="G38" s="1337">
        <v>13241000</v>
      </c>
      <c r="H38"/>
      <c r="I38"/>
      <c r="J38"/>
      <c r="K38"/>
      <c r="L38" s="4"/>
    </row>
    <row r="39" spans="1:12">
      <c r="A39" s="1089">
        <f t="shared" si="1"/>
        <v>25</v>
      </c>
      <c r="B39" s="1098" t="s">
        <v>585</v>
      </c>
      <c r="C39" s="1408">
        <v>222926000</v>
      </c>
      <c r="D39" s="1308">
        <v>0</v>
      </c>
      <c r="E39" s="1411">
        <v>1208000</v>
      </c>
      <c r="F39" s="1308">
        <v>0</v>
      </c>
      <c r="G39" s="1337">
        <v>13662000</v>
      </c>
      <c r="H39"/>
      <c r="I39"/>
      <c r="J39"/>
      <c r="K39"/>
      <c r="L39" s="4"/>
    </row>
    <row r="40" spans="1:12">
      <c r="A40" s="1089">
        <f t="shared" si="1"/>
        <v>26</v>
      </c>
      <c r="B40" s="1098" t="s">
        <v>586</v>
      </c>
      <c r="C40" s="1408">
        <v>229070000</v>
      </c>
      <c r="D40" s="1308">
        <v>0</v>
      </c>
      <c r="E40" s="1411">
        <v>1300000</v>
      </c>
      <c r="F40" s="1308">
        <v>0</v>
      </c>
      <c r="G40" s="1337">
        <v>14090000</v>
      </c>
      <c r="H40"/>
      <c r="I40"/>
      <c r="J40"/>
      <c r="K40"/>
      <c r="L40" s="4"/>
    </row>
    <row r="41" spans="1:12">
      <c r="A41" s="1099">
        <f t="shared" si="1"/>
        <v>27</v>
      </c>
      <c r="B41" s="1100" t="s">
        <v>720</v>
      </c>
      <c r="C41" s="1409">
        <v>235380000</v>
      </c>
      <c r="D41" s="1097">
        <v>0</v>
      </c>
      <c r="E41" s="1412">
        <v>1392000</v>
      </c>
      <c r="F41" s="1097">
        <v>0</v>
      </c>
      <c r="G41" s="1337">
        <v>14523000</v>
      </c>
      <c r="H41"/>
      <c r="I41"/>
      <c r="J41"/>
      <c r="K41"/>
      <c r="L41" s="4"/>
    </row>
    <row r="42" spans="1:12" ht="13.5" thickBot="1">
      <c r="A42" s="1108">
        <f t="shared" si="1"/>
        <v>28</v>
      </c>
      <c r="B42" s="1109" t="s">
        <v>721</v>
      </c>
      <c r="C42" s="1102">
        <f>ROUND(SUM(C29:C41)/13,-3)</f>
        <v>199588000</v>
      </c>
      <c r="D42" s="1102">
        <f>ROUND(SUM(D29:D41)/13,-3)</f>
        <v>0</v>
      </c>
      <c r="E42" s="1102">
        <f>ROUND(SUM(E29:E41)/13,-3)</f>
        <v>847000</v>
      </c>
      <c r="F42" s="1102">
        <f>ROUND(SUM(F29:F41)/13,-3)</f>
        <v>0</v>
      </c>
      <c r="G42" s="1103">
        <f>ROUND(SUM(G29:G41)/13,-3)</f>
        <v>12058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5</v>
      </c>
      <c r="B46" s="1091" t="s">
        <v>706</v>
      </c>
      <c r="C46" s="1115" t="s">
        <v>724</v>
      </c>
      <c r="D46" s="1086" t="s">
        <v>725</v>
      </c>
      <c r="E46" s="1086" t="s">
        <v>726</v>
      </c>
      <c r="F46" s="1107" t="s">
        <v>727</v>
      </c>
    </row>
    <row r="47" spans="1:12" s="1093" customFormat="1">
      <c r="A47" s="1089"/>
      <c r="B47" s="1091" t="s">
        <v>710</v>
      </c>
      <c r="C47" s="1116" t="s">
        <v>728</v>
      </c>
      <c r="D47" s="1091" t="s">
        <v>729</v>
      </c>
      <c r="E47" s="1091" t="s">
        <v>711</v>
      </c>
      <c r="F47" s="1090" t="s">
        <v>712</v>
      </c>
    </row>
    <row r="48" spans="1:12" s="1093" customFormat="1" ht="51">
      <c r="A48" s="1089"/>
      <c r="B48" s="1091" t="s">
        <v>716</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3</v>
      </c>
      <c r="F48" s="1162" t="s">
        <v>723</v>
      </c>
    </row>
    <row r="49" spans="1:11">
      <c r="A49" s="1089">
        <f>+A42+1</f>
        <v>29</v>
      </c>
      <c r="B49" s="1119" t="s">
        <v>717</v>
      </c>
      <c r="C49" s="1120">
        <v>0</v>
      </c>
      <c r="D49" s="1097">
        <v>0</v>
      </c>
      <c r="E49" s="1097">
        <v>0</v>
      </c>
      <c r="F49" s="1163">
        <v>0</v>
      </c>
    </row>
    <row r="50" spans="1:11">
      <c r="A50" s="1089">
        <f>+A49+1</f>
        <v>30</v>
      </c>
      <c r="B50" s="1119" t="s">
        <v>576</v>
      </c>
      <c r="C50" s="1309">
        <v>0</v>
      </c>
      <c r="D50" s="1308">
        <v>0</v>
      </c>
      <c r="E50" s="1308">
        <v>0</v>
      </c>
      <c r="F50" s="1163">
        <v>0</v>
      </c>
    </row>
    <row r="51" spans="1:11">
      <c r="A51" s="1089">
        <f t="shared" ref="A51:A62" si="2">+A50+1</f>
        <v>31</v>
      </c>
      <c r="B51" s="1121" t="s">
        <v>577</v>
      </c>
      <c r="C51" s="1309">
        <v>0</v>
      </c>
      <c r="D51" s="1308">
        <v>0</v>
      </c>
      <c r="E51" s="1308">
        <v>0</v>
      </c>
      <c r="F51" s="1163">
        <v>0</v>
      </c>
    </row>
    <row r="52" spans="1:11">
      <c r="A52" s="1089">
        <f t="shared" si="2"/>
        <v>32</v>
      </c>
      <c r="B52" s="1121" t="s">
        <v>718</v>
      </c>
      <c r="C52" s="1309">
        <v>0</v>
      </c>
      <c r="D52" s="1308">
        <v>0</v>
      </c>
      <c r="E52" s="1308">
        <v>0</v>
      </c>
      <c r="F52" s="1163">
        <v>0</v>
      </c>
    </row>
    <row r="53" spans="1:11">
      <c r="A53" s="1089">
        <f t="shared" si="2"/>
        <v>33</v>
      </c>
      <c r="B53" s="1121" t="s">
        <v>579</v>
      </c>
      <c r="C53" s="1309">
        <v>0</v>
      </c>
      <c r="D53" s="1308">
        <v>0</v>
      </c>
      <c r="E53" s="1308">
        <v>0</v>
      </c>
      <c r="F53" s="1163">
        <v>0</v>
      </c>
    </row>
    <row r="54" spans="1:11">
      <c r="A54" s="1089">
        <f t="shared" si="2"/>
        <v>34</v>
      </c>
      <c r="B54" s="1121" t="s">
        <v>580</v>
      </c>
      <c r="C54" s="1309">
        <v>0</v>
      </c>
      <c r="D54" s="1308">
        <v>0</v>
      </c>
      <c r="E54" s="1308">
        <v>0</v>
      </c>
      <c r="F54" s="1163">
        <v>0</v>
      </c>
    </row>
    <row r="55" spans="1:11">
      <c r="A55" s="1089">
        <f t="shared" si="2"/>
        <v>35</v>
      </c>
      <c r="B55" s="1121" t="s">
        <v>581</v>
      </c>
      <c r="C55" s="1309">
        <v>0</v>
      </c>
      <c r="D55" s="1308">
        <v>0</v>
      </c>
      <c r="E55" s="1308">
        <v>0</v>
      </c>
      <c r="F55" s="1163">
        <v>0</v>
      </c>
    </row>
    <row r="56" spans="1:11">
      <c r="A56" s="1089">
        <f t="shared" si="2"/>
        <v>36</v>
      </c>
      <c r="B56" s="1121" t="s">
        <v>582</v>
      </c>
      <c r="C56" s="1309">
        <v>0</v>
      </c>
      <c r="D56" s="1308">
        <v>0</v>
      </c>
      <c r="E56" s="1308">
        <v>0</v>
      </c>
      <c r="F56" s="1163">
        <v>0</v>
      </c>
    </row>
    <row r="57" spans="1:11">
      <c r="A57" s="1089">
        <f t="shared" si="2"/>
        <v>37</v>
      </c>
      <c r="B57" s="1121" t="s">
        <v>719</v>
      </c>
      <c r="C57" s="1309">
        <v>0</v>
      </c>
      <c r="D57" s="1308">
        <v>0</v>
      </c>
      <c r="E57" s="1308">
        <v>0</v>
      </c>
      <c r="F57" s="1163">
        <v>0</v>
      </c>
    </row>
    <row r="58" spans="1:11">
      <c r="A58" s="1089">
        <f t="shared" si="2"/>
        <v>38</v>
      </c>
      <c r="B58" s="1121" t="s">
        <v>584</v>
      </c>
      <c r="C58" s="1309">
        <v>0</v>
      </c>
      <c r="D58" s="1308">
        <v>0</v>
      </c>
      <c r="E58" s="1308">
        <v>0</v>
      </c>
      <c r="F58" s="1163">
        <v>0</v>
      </c>
    </row>
    <row r="59" spans="1:11">
      <c r="A59" s="1089">
        <f t="shared" si="2"/>
        <v>39</v>
      </c>
      <c r="B59" s="1121" t="s">
        <v>585</v>
      </c>
      <c r="C59" s="1309">
        <v>0</v>
      </c>
      <c r="D59" s="1308">
        <v>0</v>
      </c>
      <c r="E59" s="1308">
        <v>0</v>
      </c>
      <c r="F59" s="1163">
        <v>0</v>
      </c>
    </row>
    <row r="60" spans="1:11">
      <c r="A60" s="1089">
        <f t="shared" si="2"/>
        <v>40</v>
      </c>
      <c r="B60" s="1121" t="s">
        <v>586</v>
      </c>
      <c r="C60" s="1309">
        <v>0</v>
      </c>
      <c r="D60" s="1308">
        <v>0</v>
      </c>
      <c r="E60" s="1308">
        <v>0</v>
      </c>
      <c r="F60" s="1163">
        <v>0</v>
      </c>
    </row>
    <row r="61" spans="1:11">
      <c r="A61" s="1099">
        <f t="shared" si="2"/>
        <v>41</v>
      </c>
      <c r="B61" s="1122" t="s">
        <v>720</v>
      </c>
      <c r="C61" s="1123">
        <v>0</v>
      </c>
      <c r="D61" s="1097">
        <v>0</v>
      </c>
      <c r="E61" s="1097">
        <v>0</v>
      </c>
      <c r="F61" s="1163">
        <v>0</v>
      </c>
    </row>
    <row r="62" spans="1:11" ht="13.5" thickBot="1">
      <c r="A62" s="1124">
        <f t="shared" si="2"/>
        <v>42</v>
      </c>
      <c r="B62" s="1109" t="s">
        <v>721</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30</v>
      </c>
      <c r="C64" s="1126">
        <f>+C42-C62</f>
        <v>199588000</v>
      </c>
      <c r="I64" s="1106"/>
      <c r="K64" s="4"/>
    </row>
    <row r="65" spans="1:6" customFormat="1"/>
    <row r="66" spans="1:6" customFormat="1"/>
    <row r="67" spans="1:6" customFormat="1" ht="25.5">
      <c r="A67" s="1128" t="s">
        <v>330</v>
      </c>
      <c r="B67" s="1129"/>
      <c r="C67" s="1130" t="s">
        <v>328</v>
      </c>
      <c r="D67" s="1131" t="str">
        <f>"Balance @ December 31, "&amp;TCOS!L4&amp;""</f>
        <v>Balance @ December 31, 2021</v>
      </c>
      <c r="E67" s="1132" t="str">
        <f>"Balance @ December 31, "&amp;TCOS!L4-1&amp;""</f>
        <v>Balance @ December 31, 2020</v>
      </c>
      <c r="F67" s="1132" t="str">
        <f>"Average Balance for "&amp;TCOS!L4&amp;""</f>
        <v>Average Balance for 2021</v>
      </c>
    </row>
    <row r="68" spans="1:6" customFormat="1">
      <c r="A68" s="1133"/>
      <c r="B68" s="1091" t="s">
        <v>710</v>
      </c>
      <c r="C68" s="1091" t="s">
        <v>728</v>
      </c>
      <c r="D68" s="1091" t="s">
        <v>729</v>
      </c>
      <c r="E68" s="1091" t="s">
        <v>711</v>
      </c>
      <c r="F68" s="1091" t="s">
        <v>712</v>
      </c>
    </row>
    <row r="69" spans="1:6" customFormat="1">
      <c r="A69" s="1134">
        <f>+A64+1</f>
        <v>44</v>
      </c>
      <c r="B69" s="1133" t="s">
        <v>330</v>
      </c>
      <c r="C69" s="1135" t="s">
        <v>177</v>
      </c>
      <c r="D69" s="440">
        <v>0</v>
      </c>
      <c r="E69" s="440">
        <v>0</v>
      </c>
      <c r="F69" s="1136">
        <f>IF(E69="",0,AVERAGE(D69:E69))</f>
        <v>0</v>
      </c>
    </row>
    <row r="70" spans="1:6" customFormat="1">
      <c r="A70" s="1137"/>
      <c r="B70" s="1138"/>
      <c r="C70" s="1138"/>
      <c r="F70" s="1139"/>
    </row>
    <row r="71" spans="1:6" customFormat="1">
      <c r="A71" s="1134">
        <f>+A69+1</f>
        <v>45</v>
      </c>
      <c r="B71" s="1133" t="s">
        <v>782</v>
      </c>
      <c r="C71" s="1140" t="s">
        <v>334</v>
      </c>
      <c r="D71" s="440">
        <v>0</v>
      </c>
      <c r="E71" s="440">
        <v>0</v>
      </c>
      <c r="F71" s="1136">
        <f>IF(E71="",0,AVERAGE(D71:E71))</f>
        <v>0</v>
      </c>
    </row>
    <row r="72" spans="1:6" customFormat="1">
      <c r="A72" s="4"/>
      <c r="B72" s="4"/>
      <c r="C72" s="4"/>
      <c r="D72" s="4"/>
    </row>
    <row r="73" spans="1:6" customFormat="1">
      <c r="A73" s="1133" t="s">
        <v>21</v>
      </c>
      <c r="B73" s="4"/>
      <c r="C73" s="4"/>
      <c r="D73" s="4"/>
    </row>
    <row r="74" spans="1:6" customFormat="1">
      <c r="A74" s="1141"/>
      <c r="B74" s="1138" t="s">
        <v>163</v>
      </c>
      <c r="C74" s="1138"/>
      <c r="D74" s="1138"/>
      <c r="E74" s="1138"/>
      <c r="F74" s="1138"/>
    </row>
    <row r="75" spans="1:6" customFormat="1">
      <c r="A75" s="1134">
        <f>+A71+1</f>
        <v>46</v>
      </c>
      <c r="B75" s="1142"/>
      <c r="C75" s="1142"/>
      <c r="D75" s="440"/>
      <c r="E75" s="440"/>
      <c r="F75" s="1136">
        <f>IF(E75="",0,AVERAGE(D75:E75))</f>
        <v>0</v>
      </c>
    </row>
    <row r="76" spans="1:6" customFormat="1">
      <c r="A76" s="1134">
        <f>+A75+1</f>
        <v>47</v>
      </c>
      <c r="B76" s="1142"/>
      <c r="C76" s="1142"/>
      <c r="D76" s="440"/>
      <c r="E76" s="440"/>
      <c r="F76" s="1136">
        <f>IF(E76="",0,AVERAGE(D76:E76))</f>
        <v>0</v>
      </c>
    </row>
    <row r="77" spans="1:6" customFormat="1">
      <c r="A77" s="1134">
        <f>+A76+1</f>
        <v>48</v>
      </c>
      <c r="B77" s="1142"/>
      <c r="C77" s="1142"/>
      <c r="D77" s="440"/>
      <c r="E77" s="440"/>
      <c r="F77" s="1136">
        <f>IF(E77="",0,AVERAGE(D77:E77))</f>
        <v>0</v>
      </c>
    </row>
    <row r="78" spans="1:6" customFormat="1">
      <c r="A78" s="1134">
        <f>+A77+1</f>
        <v>49</v>
      </c>
      <c r="B78" s="1142"/>
      <c r="C78" s="1142"/>
      <c r="D78" s="440"/>
      <c r="E78" s="440"/>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31</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32</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67</v>
      </c>
      <c r="C84" s="1149" t="s">
        <v>110</v>
      </c>
      <c r="D84" s="1150"/>
      <c r="E84" s="9"/>
      <c r="F84" s="1149"/>
    </row>
    <row r="85" spans="1:6" customFormat="1" ht="14.25">
      <c r="A85" s="1151" t="s">
        <v>733</v>
      </c>
      <c r="B85" s="1152"/>
      <c r="C85" s="1153"/>
      <c r="D85" s="440"/>
      <c r="E85" s="440"/>
      <c r="F85" s="1154">
        <f>IF(E85="",0,AVERAGE(D85:E85))</f>
        <v>0</v>
      </c>
    </row>
    <row r="86" spans="1:6" customFormat="1" ht="14.25">
      <c r="A86" s="1155" t="s">
        <v>734</v>
      </c>
      <c r="B86" s="440"/>
      <c r="C86" s="1153"/>
      <c r="D86" s="440"/>
      <c r="E86" s="440"/>
      <c r="F86" s="1156">
        <f>IF(E86="",0,AVERAGE(D86:E86))</f>
        <v>0</v>
      </c>
    </row>
    <row r="87" spans="1:6" customFormat="1" ht="18" customHeight="1">
      <c r="A87" s="1157">
        <f>A84+2</f>
        <v>54</v>
      </c>
      <c r="B87" s="9"/>
      <c r="C87" s="1158" t="s">
        <v>420</v>
      </c>
      <c r="D87" s="1126">
        <f>SUM(D85:D86)</f>
        <v>0</v>
      </c>
      <c r="E87" s="1126">
        <f>SUM(E85:E86)</f>
        <v>0</v>
      </c>
      <c r="F87" s="1126">
        <f>SUM(F85:F86)</f>
        <v>0</v>
      </c>
    </row>
    <row r="88" spans="1:6" customFormat="1">
      <c r="A88" s="1134"/>
      <c r="B88" s="1138"/>
      <c r="C88" s="1138"/>
      <c r="D88" s="1138"/>
    </row>
    <row r="89" spans="1:6">
      <c r="A89" s="1159" t="s">
        <v>735</v>
      </c>
      <c r="B89" s="1138"/>
      <c r="C89" s="1138"/>
      <c r="D89" s="1138"/>
    </row>
    <row r="90" spans="1:6">
      <c r="A90" s="1159" t="s">
        <v>736</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t="s">
        <v>416</v>
      </c>
    </row>
    <row r="2" spans="1:6" ht="15.75">
      <c r="A2" s="1275" t="s">
        <v>416</v>
      </c>
    </row>
    <row r="3" spans="1:6" ht="15.75">
      <c r="A3" s="1518" t="str">
        <f>TCOS!F5</f>
        <v>AEPTCo subsidiaries in PJM</v>
      </c>
      <c r="B3" s="1518" t="s">
        <v>329</v>
      </c>
      <c r="C3" s="1518" t="s">
        <v>329</v>
      </c>
      <c r="D3" s="1518" t="s">
        <v>329</v>
      </c>
    </row>
    <row r="4" spans="1:6" ht="15.75">
      <c r="A4" s="1518" t="str">
        <f>"Cost of Service Formula Rate Using Actual/Projected FF1 Balances"</f>
        <v>Cost of Service Formula Rate Using Actual/Projected FF1 Balances</v>
      </c>
      <c r="B4" s="1518"/>
      <c r="C4" s="1518"/>
      <c r="D4" s="1518"/>
    </row>
    <row r="5" spans="1:6" ht="15.75">
      <c r="A5" s="1518" t="s">
        <v>783</v>
      </c>
      <c r="B5" s="1518"/>
      <c r="C5" s="1518"/>
      <c r="D5" s="1518"/>
    </row>
    <row r="6" spans="1:6" ht="15.75">
      <c r="A6" s="1518" t="s">
        <v>784</v>
      </c>
      <c r="B6" s="1518"/>
      <c r="C6" s="1518"/>
      <c r="D6" s="1518"/>
    </row>
    <row r="7" spans="1:6" ht="15.75">
      <c r="A7" s="1519" t="str">
        <f>TCOS!F9</f>
        <v>AEP Indiana Michigan Transmission Company</v>
      </c>
      <c r="B7" s="1519"/>
      <c r="C7" s="1519"/>
      <c r="D7" s="1519"/>
    </row>
    <row r="8" spans="1:6" ht="15.75">
      <c r="A8" s="1278"/>
      <c r="B8" s="1279"/>
      <c r="C8" s="1279"/>
      <c r="D8" s="1279"/>
    </row>
    <row r="9" spans="1:6" ht="15.75">
      <c r="A9" s="1280"/>
      <c r="B9" s="1281"/>
      <c r="C9" s="1281"/>
      <c r="D9" s="1281"/>
    </row>
    <row r="10" spans="1:6" ht="15.75">
      <c r="A10" s="1282"/>
      <c r="B10" s="1282"/>
      <c r="C10" s="1282"/>
      <c r="D10" s="1282"/>
    </row>
    <row r="11" spans="1:6" ht="15.75">
      <c r="A11" s="1283" t="s">
        <v>785</v>
      </c>
      <c r="B11" s="1281" t="s">
        <v>462</v>
      </c>
      <c r="C11" s="1284"/>
      <c r="D11" s="1281" t="s">
        <v>463</v>
      </c>
    </row>
    <row r="12" spans="1:6" ht="15.75">
      <c r="A12" s="1277">
        <f>1</f>
        <v>1</v>
      </c>
      <c r="B12" s="1285" t="s">
        <v>786</v>
      </c>
      <c r="C12" s="1286"/>
      <c r="D12" s="1277"/>
    </row>
    <row r="13" spans="1:6" ht="15.75">
      <c r="A13" s="1277"/>
      <c r="B13" s="1285"/>
      <c r="C13" s="1286"/>
      <c r="D13" s="1277"/>
    </row>
    <row r="14" spans="1:6" ht="15.75">
      <c r="A14" s="1277"/>
      <c r="B14" s="1287"/>
      <c r="C14" s="1287"/>
      <c r="D14" s="1287"/>
    </row>
    <row r="15" spans="1:6" ht="15.75">
      <c r="A15" s="1277">
        <f>A12+1</f>
        <v>2</v>
      </c>
      <c r="B15" s="1288" t="s">
        <v>787</v>
      </c>
      <c r="C15" s="1289"/>
      <c r="D15" s="1290"/>
    </row>
    <row r="16" spans="1:6" ht="15.75">
      <c r="A16" s="1277">
        <f t="shared" ref="A16:A23" si="0">+A15+1</f>
        <v>3</v>
      </c>
      <c r="B16" s="1291" t="s">
        <v>788</v>
      </c>
      <c r="C16" s="1291"/>
      <c r="D16" s="1292">
        <v>-80136000</v>
      </c>
      <c r="F16" s="1293"/>
    </row>
    <row r="17" spans="1:6" ht="15.75">
      <c r="A17" s="1277">
        <f t="shared" si="0"/>
        <v>4</v>
      </c>
      <c r="B17" s="1291" t="s">
        <v>789</v>
      </c>
      <c r="C17" s="1291"/>
      <c r="D17" s="1294">
        <v>0</v>
      </c>
      <c r="F17" s="1293"/>
    </row>
    <row r="18" spans="1:6" ht="15.75">
      <c r="A18" s="1277">
        <f t="shared" si="0"/>
        <v>5</v>
      </c>
      <c r="B18" s="1291" t="s">
        <v>790</v>
      </c>
      <c r="C18" s="1291"/>
      <c r="D18" s="1295">
        <f>+D16-D17</f>
        <v>-80136000</v>
      </c>
    </row>
    <row r="19" spans="1:6" ht="15.75">
      <c r="A19" s="1277">
        <f t="shared" si="0"/>
        <v>6</v>
      </c>
      <c r="B19" s="1291" t="s">
        <v>791</v>
      </c>
      <c r="C19" s="1291"/>
      <c r="D19" s="1292">
        <v>1454108000</v>
      </c>
    </row>
    <row r="20" spans="1:6" ht="15.75">
      <c r="A20" s="1277">
        <f t="shared" si="0"/>
        <v>7</v>
      </c>
      <c r="B20" s="1291" t="s">
        <v>792</v>
      </c>
      <c r="C20" s="1291"/>
      <c r="D20" s="1296">
        <f>+D18/D19</f>
        <v>-5.5110074354862225E-2</v>
      </c>
    </row>
    <row r="21" spans="1:6" ht="15.75">
      <c r="A21" s="1277">
        <f t="shared" si="0"/>
        <v>8</v>
      </c>
      <c r="B21" s="1291" t="s">
        <v>793</v>
      </c>
      <c r="C21" s="1291"/>
      <c r="D21" s="1343">
        <v>-4.2999999999999997E-2</v>
      </c>
      <c r="E21" s="1297"/>
    </row>
    <row r="22" spans="1:6" ht="15.75">
      <c r="A22" s="1277">
        <f t="shared" si="0"/>
        <v>9</v>
      </c>
      <c r="B22" s="1291" t="s">
        <v>794</v>
      </c>
      <c r="C22" s="1291"/>
      <c r="D22" s="1292">
        <v>7685000</v>
      </c>
    </row>
    <row r="23" spans="1:6" ht="15.75">
      <c r="A23" s="1277">
        <f t="shared" si="0"/>
        <v>10</v>
      </c>
      <c r="B23" s="1291" t="str">
        <f>"Allowable TransCo PBOP Expense for current year (Ln "&amp;A21&amp;" * Ln "&amp;A22&amp;")"</f>
        <v>Allowable TransCo PBOP Expense for current year (Ln 8 * Ln 9)</v>
      </c>
      <c r="C23" s="1291"/>
      <c r="D23" s="1298">
        <f>ROUND(+D21*D22,-3)</f>
        <v>-330000</v>
      </c>
    </row>
    <row r="24" spans="1:6" ht="15.75">
      <c r="A24" s="1277"/>
      <c r="B24" s="1291"/>
      <c r="C24" s="1291"/>
      <c r="D24" s="1298"/>
    </row>
    <row r="25" spans="1:6" ht="15.75">
      <c r="A25" s="1277"/>
      <c r="B25" s="1291"/>
      <c r="C25" s="1291"/>
      <c r="D25" s="1298"/>
    </row>
    <row r="26" spans="1:6" ht="15.75">
      <c r="A26" s="1277">
        <f>+A23+1</f>
        <v>11</v>
      </c>
      <c r="B26" s="1299" t="s">
        <v>795</v>
      </c>
      <c r="C26" s="1291"/>
      <c r="D26" s="1292">
        <v>0</v>
      </c>
    </row>
    <row r="27" spans="1:6" ht="15.75">
      <c r="A27" s="1277">
        <f>+A26+1</f>
        <v>12</v>
      </c>
      <c r="B27" s="1300" t="s">
        <v>796</v>
      </c>
      <c r="C27" s="1291"/>
      <c r="D27" s="1292">
        <v>0</v>
      </c>
    </row>
    <row r="28" spans="1:6" ht="15.75">
      <c r="A28" s="1277">
        <f>+A27+1</f>
        <v>13</v>
      </c>
      <c r="B28" s="1300" t="s">
        <v>797</v>
      </c>
      <c r="C28" s="1291"/>
      <c r="D28" s="1292">
        <v>0</v>
      </c>
    </row>
    <row r="29" spans="1:6" ht="16.5" thickBot="1">
      <c r="A29" s="1301">
        <f>+A28+1</f>
        <v>14</v>
      </c>
      <c r="B29" s="1302" t="s">
        <v>798</v>
      </c>
      <c r="C29" s="1303"/>
      <c r="D29" s="1414">
        <v>-719000</v>
      </c>
    </row>
    <row r="30" spans="1:6" ht="15.75">
      <c r="A30" s="1277">
        <f>+A29+1</f>
        <v>15</v>
      </c>
      <c r="B30" s="1287" t="s">
        <v>799</v>
      </c>
      <c r="C30" s="1287" t="str">
        <f>"(Sum Lines "&amp;A26&amp;"-"&amp;A29&amp;")"</f>
        <v>(Sum Lines 11-14)</v>
      </c>
      <c r="D30" s="1304">
        <f>SUM(D26:D29)</f>
        <v>-719000</v>
      </c>
    </row>
    <row r="31" spans="1:6" ht="15.75">
      <c r="A31" s="1277"/>
      <c r="B31" s="1287"/>
      <c r="C31" s="1287"/>
      <c r="D31" s="1304"/>
    </row>
    <row r="32" spans="1:6" ht="15.75">
      <c r="A32" s="1277"/>
      <c r="B32" s="1287"/>
      <c r="C32" s="1287"/>
      <c r="D32" s="1304"/>
    </row>
    <row r="33" spans="1:4" s="1306" customFormat="1" ht="15.75">
      <c r="A33" s="1277">
        <f>A30+1</f>
        <v>16</v>
      </c>
      <c r="B33" s="1287" t="s">
        <v>800</v>
      </c>
      <c r="C33" s="1287" t="str">
        <f>"Line "&amp;A23&amp;" less Line "&amp;A30&amp;""</f>
        <v>Line 10 less Line 15</v>
      </c>
      <c r="D33" s="1305">
        <f>D23-D30</f>
        <v>389000</v>
      </c>
    </row>
    <row r="34" spans="1:4" s="1306" customFormat="1" ht="15.75">
      <c r="A34" s="1277"/>
      <c r="B34" s="1287"/>
      <c r="C34" s="1287"/>
      <c r="D34" s="1305"/>
    </row>
    <row r="35" spans="1:4" ht="15.75">
      <c r="A35" s="1300" t="s">
        <v>801</v>
      </c>
    </row>
    <row r="37" spans="1:4" ht="387.75" customHeight="1">
      <c r="A37" s="1520" t="s">
        <v>802</v>
      </c>
      <c r="B37" s="1520"/>
      <c r="C37" s="1520"/>
      <c r="D37" s="1520"/>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7"/>
  <sheetViews>
    <sheetView defaultGridColor="0" view="pageBreakPreview" colorId="22" zoomScale="60" zoomScaleNormal="70" workbookViewId="0">
      <selection activeCell="A3" sqref="A3"/>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6" t="s">
        <v>416</v>
      </c>
    </row>
    <row r="2" spans="1:7" ht="15.75">
      <c r="A2" s="1006" t="s">
        <v>416</v>
      </c>
    </row>
    <row r="3" spans="1:7" ht="19.5">
      <c r="A3" s="862" t="s">
        <v>416</v>
      </c>
      <c r="B3" s="1523" t="str">
        <f>TCOS!$F$5</f>
        <v>AEPTCo subsidiaries in PJM</v>
      </c>
      <c r="C3" s="1523"/>
      <c r="D3" s="1523"/>
      <c r="E3" s="1523"/>
      <c r="F3" s="861"/>
      <c r="G3" s="861"/>
    </row>
    <row r="4" spans="1:7" ht="19.5">
      <c r="B4" s="1523" t="s">
        <v>224</v>
      </c>
      <c r="C4" s="1523"/>
      <c r="D4" s="1523"/>
      <c r="E4" s="1523"/>
      <c r="F4" s="861"/>
      <c r="G4" s="861"/>
    </row>
    <row r="5" spans="1:7" ht="19.5">
      <c r="B5" s="1523" t="s">
        <v>225</v>
      </c>
      <c r="C5" s="1523"/>
      <c r="D5" s="1523"/>
      <c r="E5" s="1523"/>
      <c r="F5" s="861"/>
      <c r="G5" s="861"/>
    </row>
    <row r="6" spans="1:7" ht="19.5">
      <c r="B6" s="1523" t="s">
        <v>226</v>
      </c>
      <c r="C6" s="1523"/>
      <c r="D6" s="1523"/>
      <c r="E6" s="1523"/>
      <c r="F6" s="861"/>
      <c r="G6" s="861"/>
    </row>
    <row r="7" spans="1:7" ht="19.5">
      <c r="B7" s="1524" t="s">
        <v>834</v>
      </c>
      <c r="C7" s="1524"/>
      <c r="D7" s="1524"/>
      <c r="E7" s="1524"/>
      <c r="F7" s="861"/>
      <c r="G7" s="861"/>
    </row>
    <row r="8" spans="1:7" ht="19.5">
      <c r="B8" s="1523"/>
      <c r="C8" s="1523"/>
      <c r="D8" s="1523"/>
      <c r="E8" s="1523"/>
      <c r="F8" s="861"/>
      <c r="G8" s="861"/>
    </row>
    <row r="9" spans="1:7" ht="19.5">
      <c r="B9" s="1525" t="str">
        <f>TCOS!F9</f>
        <v>AEP Indiana Michigan Transmission Company</v>
      </c>
      <c r="C9" s="1439"/>
      <c r="D9" s="1439"/>
      <c r="E9" s="1439"/>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95</v>
      </c>
    </row>
    <row r="15" spans="1:7">
      <c r="B15" s="867" t="s">
        <v>36</v>
      </c>
      <c r="C15" s="868"/>
      <c r="D15" s="131"/>
    </row>
    <row r="16" spans="1:7">
      <c r="B16" s="869"/>
      <c r="C16" s="870"/>
      <c r="D16" s="132"/>
    </row>
    <row r="17" spans="2:5">
      <c r="B17" s="871" t="s">
        <v>54</v>
      </c>
      <c r="C17" s="153">
        <v>350.1</v>
      </c>
      <c r="D17" s="140">
        <v>1.4800000000000001E-2</v>
      </c>
      <c r="E17" s="872"/>
    </row>
    <row r="18" spans="2:5">
      <c r="B18" s="873" t="s">
        <v>37</v>
      </c>
      <c r="C18" s="153">
        <v>352</v>
      </c>
      <c r="D18" s="140">
        <v>1.55E-2</v>
      </c>
      <c r="E18" s="140"/>
    </row>
    <row r="19" spans="2:5">
      <c r="B19" s="873" t="s">
        <v>38</v>
      </c>
      <c r="C19" s="153">
        <v>353</v>
      </c>
      <c r="D19" s="140">
        <v>1.8599999999999998E-2</v>
      </c>
      <c r="E19" s="872"/>
    </row>
    <row r="20" spans="2:5">
      <c r="B20" s="873" t="s">
        <v>39</v>
      </c>
      <c r="C20" s="153">
        <v>354</v>
      </c>
      <c r="D20" s="140">
        <v>1.6899999999999998E-2</v>
      </c>
      <c r="E20" s="872"/>
    </row>
    <row r="21" spans="2:5">
      <c r="B21" s="873" t="s">
        <v>40</v>
      </c>
      <c r="C21" s="153">
        <v>355</v>
      </c>
      <c r="D21" s="140">
        <v>2.8500000000000001E-2</v>
      </c>
      <c r="E21" s="140"/>
    </row>
    <row r="22" spans="2:5">
      <c r="B22" s="873" t="s">
        <v>41</v>
      </c>
      <c r="C22" s="153">
        <v>356</v>
      </c>
      <c r="D22" s="140">
        <v>1.9699999999999999E-2</v>
      </c>
      <c r="E22" s="874"/>
    </row>
    <row r="23" spans="2:5">
      <c r="B23" s="873" t="s">
        <v>42</v>
      </c>
      <c r="C23" s="153">
        <v>357</v>
      </c>
      <c r="D23" s="140">
        <v>1.8599999999999998E-2</v>
      </c>
      <c r="E23" s="872"/>
    </row>
    <row r="24" spans="2:5">
      <c r="B24" s="873" t="s">
        <v>43</v>
      </c>
      <c r="C24" s="153">
        <v>358</v>
      </c>
      <c r="D24" s="140">
        <v>1.7000000000000001E-2</v>
      </c>
      <c r="E24" s="872"/>
    </row>
    <row r="25" spans="2:5">
      <c r="B25" s="872"/>
      <c r="C25" s="872"/>
      <c r="D25" s="872"/>
      <c r="E25" s="872"/>
    </row>
    <row r="26" spans="2:5" ht="64.900000000000006" customHeight="1">
      <c r="B26" s="1526" t="s">
        <v>835</v>
      </c>
      <c r="C26" s="1527"/>
      <c r="D26" s="1527"/>
      <c r="E26" s="1527"/>
    </row>
    <row r="27" spans="2:5">
      <c r="B27" s="875"/>
      <c r="C27" s="876"/>
      <c r="D27" s="876"/>
      <c r="E27" s="876"/>
    </row>
    <row r="28" spans="2:5" ht="15.75">
      <c r="B28" s="1328" t="s">
        <v>72</v>
      </c>
      <c r="C28" s="1329" t="s">
        <v>837</v>
      </c>
      <c r="D28" s="1330" t="s">
        <v>547</v>
      </c>
      <c r="E28" s="877"/>
    </row>
    <row r="29" spans="2:5">
      <c r="B29" s="878" t="s">
        <v>546</v>
      </c>
      <c r="C29" s="879">
        <v>1153823876</v>
      </c>
      <c r="D29" s="1331">
        <f>C29</f>
        <v>1153823876</v>
      </c>
      <c r="E29" s="880"/>
    </row>
    <row r="30" spans="2:5">
      <c r="B30" s="878" t="s">
        <v>545</v>
      </c>
      <c r="C30" s="879">
        <v>1115559969</v>
      </c>
      <c r="D30" s="1331">
        <f>C30</f>
        <v>1115559969</v>
      </c>
      <c r="E30" s="880"/>
    </row>
    <row r="31" spans="2:5">
      <c r="B31" s="878" t="s">
        <v>230</v>
      </c>
      <c r="C31" s="879">
        <f>AVERAGE(C29:C30)</f>
        <v>1134691922.5</v>
      </c>
      <c r="D31" s="1331">
        <f>C31</f>
        <v>1134691922.5</v>
      </c>
      <c r="E31" s="880"/>
    </row>
    <row r="32" spans="2:5">
      <c r="B32" s="881" t="s">
        <v>548</v>
      </c>
      <c r="C32" s="1332">
        <v>16178988</v>
      </c>
      <c r="D32" s="1331">
        <f>C32</f>
        <v>16178988</v>
      </c>
      <c r="E32" s="880"/>
    </row>
    <row r="33" spans="2:5" ht="15.75">
      <c r="B33" s="1333" t="s">
        <v>44</v>
      </c>
      <c r="C33" s="1334" t="s">
        <v>416</v>
      </c>
      <c r="D33" s="1335">
        <f>D32/D31</f>
        <v>1.4258485214518658E-2</v>
      </c>
      <c r="E33" s="882"/>
    </row>
    <row r="34" spans="2:5">
      <c r="B34" s="883"/>
      <c r="C34" s="884"/>
      <c r="D34" s="883"/>
      <c r="E34" s="883"/>
    </row>
    <row r="35" spans="2:5">
      <c r="B35" s="1521" t="s">
        <v>836</v>
      </c>
      <c r="C35" s="1522"/>
      <c r="D35" s="1522"/>
      <c r="E35" s="1522"/>
    </row>
    <row r="36" spans="2:5">
      <c r="B36" s="1522"/>
      <c r="C36" s="1522"/>
      <c r="D36" s="1522"/>
      <c r="E36" s="1522"/>
    </row>
    <row r="37" spans="2:5" ht="91.9" customHeight="1">
      <c r="B37" s="1522"/>
      <c r="C37" s="1522"/>
      <c r="D37" s="1522"/>
      <c r="E37" s="1522"/>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5" customWidth="1"/>
    <col min="2" max="2" width="68.140625" style="885" customWidth="1"/>
    <col min="3" max="3" width="18.140625" style="885" customWidth="1"/>
    <col min="4" max="4" width="2.140625" style="885" customWidth="1"/>
    <col min="5" max="5" width="17.28515625" style="885" customWidth="1"/>
    <col min="6" max="6" width="16.28515625" style="885" customWidth="1"/>
    <col min="7" max="7" width="14.5703125" style="885" customWidth="1"/>
    <col min="8" max="8" width="17.5703125" style="885" customWidth="1"/>
    <col min="9" max="9" width="14.42578125" style="885" customWidth="1"/>
    <col min="10" max="10" width="15.7109375" style="885" customWidth="1"/>
    <col min="11" max="16384" width="9.140625" style="885"/>
  </cols>
  <sheetData>
    <row r="1" spans="1:10" ht="15.75">
      <c r="A1" s="1006" t="s">
        <v>416</v>
      </c>
    </row>
    <row r="2" spans="1:10" ht="15.75">
      <c r="A2" s="1006" t="s">
        <v>416</v>
      </c>
    </row>
    <row r="3" spans="1:10">
      <c r="A3" s="1529" t="s">
        <v>515</v>
      </c>
      <c r="B3" s="1529"/>
      <c r="C3" s="1529"/>
      <c r="D3" s="1529"/>
      <c r="E3" s="1529"/>
      <c r="F3" s="1529"/>
      <c r="G3" s="1529"/>
      <c r="H3" s="1529"/>
      <c r="I3" s="1529"/>
      <c r="J3" s="1529"/>
    </row>
    <row r="4" spans="1:10">
      <c r="A4" s="1529" t="str">
        <f>"Consolidation of Operating Companies' Capital Structure @ December 31, "&amp;TCOS!L4&amp;""</f>
        <v>Consolidation of Operating Companies' Capital Structure @ December 31, 2021</v>
      </c>
      <c r="B4" s="1529"/>
      <c r="C4" s="1529"/>
      <c r="D4" s="1529"/>
      <c r="E4" s="1529"/>
      <c r="F4" s="1529"/>
      <c r="G4" s="1529"/>
      <c r="H4" s="1529"/>
      <c r="I4" s="1529"/>
      <c r="J4" s="1529"/>
    </row>
    <row r="5" spans="1:10">
      <c r="A5" s="1529" t="s">
        <v>256</v>
      </c>
      <c r="B5" s="1529"/>
      <c r="C5" s="1529"/>
      <c r="D5" s="1529"/>
      <c r="E5" s="1529"/>
      <c r="F5" s="1529"/>
      <c r="G5" s="1529"/>
      <c r="H5" s="1529"/>
      <c r="I5" s="1529"/>
      <c r="J5" s="1529"/>
    </row>
    <row r="7" spans="1:10" ht="76.5">
      <c r="A7" s="885" t="s">
        <v>469</v>
      </c>
      <c r="C7" s="886" t="s">
        <v>516</v>
      </c>
      <c r="D7" s="886"/>
      <c r="E7" s="886" t="s">
        <v>517</v>
      </c>
      <c r="F7" s="886" t="s">
        <v>518</v>
      </c>
      <c r="G7" s="886" t="s">
        <v>519</v>
      </c>
      <c r="H7" s="886" t="s">
        <v>520</v>
      </c>
      <c r="I7" s="886" t="s">
        <v>521</v>
      </c>
      <c r="J7" s="886" t="s">
        <v>522</v>
      </c>
    </row>
    <row r="8" spans="1:10" ht="15">
      <c r="A8" s="847" t="s">
        <v>523</v>
      </c>
    </row>
    <row r="9" spans="1:10">
      <c r="A9" s="885">
        <v>1</v>
      </c>
      <c r="B9" s="851" t="s">
        <v>346</v>
      </c>
      <c r="C9" s="854"/>
      <c r="D9" s="854"/>
      <c r="E9" s="854"/>
      <c r="F9" s="854"/>
      <c r="G9" s="854"/>
      <c r="H9" s="854"/>
      <c r="I9" s="854"/>
      <c r="J9" s="834">
        <f>SUM(C9:I9)</f>
        <v>0</v>
      </c>
    </row>
    <row r="10" spans="1:10">
      <c r="A10" s="885">
        <f>A9+1</f>
        <v>2</v>
      </c>
      <c r="B10" s="851" t="s">
        <v>347</v>
      </c>
      <c r="C10" s="854"/>
      <c r="D10" s="854"/>
      <c r="E10" s="854"/>
      <c r="F10" s="854"/>
      <c r="G10" s="854"/>
      <c r="H10" s="854"/>
      <c r="I10" s="854"/>
      <c r="J10" s="834">
        <f>SUM(C10:I10)</f>
        <v>0</v>
      </c>
    </row>
    <row r="11" spans="1:10">
      <c r="A11" s="885">
        <f>A10+1</f>
        <v>3</v>
      </c>
      <c r="B11" s="852" t="s">
        <v>23</v>
      </c>
      <c r="C11" s="854"/>
      <c r="D11" s="854"/>
      <c r="E11" s="854"/>
      <c r="F11" s="854"/>
      <c r="G11" s="854"/>
      <c r="H11" s="854"/>
      <c r="I11" s="854"/>
      <c r="J11" s="834">
        <f>SUM(C11:I11)</f>
        <v>0</v>
      </c>
    </row>
    <row r="12" spans="1:10">
      <c r="A12" s="885">
        <f>A11+1</f>
        <v>4</v>
      </c>
      <c r="B12" s="852" t="s">
        <v>17</v>
      </c>
      <c r="C12" s="854"/>
      <c r="D12" s="854"/>
      <c r="E12" s="854"/>
      <c r="F12" s="854"/>
      <c r="G12" s="854"/>
      <c r="H12" s="854"/>
      <c r="I12" s="854"/>
      <c r="J12" s="834">
        <f>SUM(C12:I12)</f>
        <v>0</v>
      </c>
    </row>
    <row r="13" spans="1:10">
      <c r="A13" s="885">
        <f>A12+1</f>
        <v>5</v>
      </c>
      <c r="B13" s="852" t="str">
        <f>"Less: Fair Value Hedges (See Note on Ln "&amp;A16&amp;" below)"</f>
        <v>Less: Fair Value Hedges (See Note on Ln 7 below)</v>
      </c>
      <c r="C13" s="147"/>
      <c r="D13" s="147"/>
      <c r="E13" s="147"/>
      <c r="F13" s="147"/>
      <c r="G13" s="147"/>
      <c r="H13" s="147"/>
      <c r="I13" s="147"/>
      <c r="J13" s="887">
        <f>SUM(C13:I13)</f>
        <v>0</v>
      </c>
    </row>
    <row r="14" spans="1:10">
      <c r="A14" s="885">
        <f>A13+1</f>
        <v>6</v>
      </c>
      <c r="B14" s="853" t="s">
        <v>67</v>
      </c>
      <c r="C14" s="888">
        <f t="shared" ref="C14:J14" si="0">C9-C10+C11+C12-C13</f>
        <v>0</v>
      </c>
      <c r="D14" s="888"/>
      <c r="E14" s="888">
        <f t="shared" si="0"/>
        <v>0</v>
      </c>
      <c r="F14" s="888">
        <f t="shared" si="0"/>
        <v>0</v>
      </c>
      <c r="G14" s="888">
        <f t="shared" si="0"/>
        <v>0</v>
      </c>
      <c r="H14" s="888">
        <f t="shared" si="0"/>
        <v>0</v>
      </c>
      <c r="I14" s="888">
        <f t="shared" si="0"/>
        <v>0</v>
      </c>
      <c r="J14" s="888">
        <f t="shared" si="0"/>
        <v>0</v>
      </c>
    </row>
    <row r="16" spans="1:10" ht="12.75" customHeight="1">
      <c r="A16" s="885">
        <f>A14+1</f>
        <v>7</v>
      </c>
      <c r="B16" s="1528" t="s">
        <v>555</v>
      </c>
      <c r="C16" s="1528"/>
      <c r="D16" s="1528"/>
      <c r="E16" s="1528"/>
      <c r="F16" s="1528"/>
      <c r="G16" s="1528"/>
      <c r="H16" s="1528"/>
      <c r="I16" s="1528"/>
      <c r="J16" s="1528"/>
    </row>
    <row r="17" spans="1:10" ht="12.75" customHeight="1">
      <c r="B17" s="889"/>
      <c r="C17" s="889"/>
      <c r="D17" s="889"/>
      <c r="E17" s="889"/>
      <c r="F17" s="889"/>
      <c r="G17" s="889"/>
      <c r="H17" s="889"/>
      <c r="I17" s="889"/>
      <c r="J17" s="889"/>
    </row>
    <row r="18" spans="1:10" ht="15">
      <c r="A18" s="847" t="s">
        <v>524</v>
      </c>
    </row>
    <row r="19" spans="1:10">
      <c r="A19" s="885">
        <f>A16+1</f>
        <v>8</v>
      </c>
      <c r="B19" s="851" t="s">
        <v>348</v>
      </c>
      <c r="C19" s="146"/>
      <c r="D19" s="146"/>
      <c r="E19" s="146"/>
      <c r="F19" s="146"/>
      <c r="G19" s="146"/>
      <c r="H19" s="146"/>
      <c r="I19" s="146"/>
      <c r="J19" s="489">
        <f t="shared" ref="J19:J24" si="1">SUM(C19:I19)</f>
        <v>0</v>
      </c>
    </row>
    <row r="20" spans="1:10">
      <c r="A20" s="885">
        <f t="shared" ref="A20:A25" si="2">A19+1</f>
        <v>9</v>
      </c>
      <c r="B20" s="851" t="s">
        <v>341</v>
      </c>
      <c r="C20" s="146"/>
      <c r="D20" s="146"/>
      <c r="E20" s="146"/>
      <c r="F20" s="146"/>
      <c r="G20" s="146"/>
      <c r="H20" s="146"/>
      <c r="I20" s="146"/>
      <c r="J20" s="489">
        <f t="shared" si="1"/>
        <v>0</v>
      </c>
    </row>
    <row r="21" spans="1:10">
      <c r="A21" s="885">
        <f t="shared" si="2"/>
        <v>10</v>
      </c>
      <c r="B21" s="851" t="s">
        <v>342</v>
      </c>
      <c r="C21" s="146"/>
      <c r="D21" s="146"/>
      <c r="E21" s="146"/>
      <c r="F21" s="146"/>
      <c r="G21" s="146"/>
      <c r="H21" s="146"/>
      <c r="I21" s="146"/>
      <c r="J21" s="489">
        <f t="shared" si="1"/>
        <v>0</v>
      </c>
    </row>
    <row r="22" spans="1:10">
      <c r="A22" s="885">
        <f t="shared" si="2"/>
        <v>11</v>
      </c>
      <c r="B22" s="851" t="s">
        <v>343</v>
      </c>
      <c r="C22" s="854"/>
      <c r="D22" s="854"/>
      <c r="E22" s="854"/>
      <c r="F22" s="854"/>
      <c r="G22" s="854"/>
      <c r="H22" s="854"/>
      <c r="I22" s="854"/>
      <c r="J22" s="834">
        <f t="shared" si="1"/>
        <v>0</v>
      </c>
    </row>
    <row r="23" spans="1:10">
      <c r="A23" s="885">
        <f t="shared" si="2"/>
        <v>12</v>
      </c>
      <c r="B23" s="851" t="s">
        <v>344</v>
      </c>
      <c r="C23" s="854"/>
      <c r="D23" s="854"/>
      <c r="E23" s="854"/>
      <c r="F23" s="854"/>
      <c r="G23" s="854"/>
      <c r="H23" s="854"/>
      <c r="I23" s="854"/>
      <c r="J23" s="834">
        <f t="shared" si="1"/>
        <v>0</v>
      </c>
    </row>
    <row r="24" spans="1:10">
      <c r="A24" s="885">
        <f t="shared" si="2"/>
        <v>13</v>
      </c>
      <c r="B24" s="890" t="s">
        <v>525</v>
      </c>
      <c r="C24" s="147"/>
      <c r="D24" s="147"/>
      <c r="E24" s="147"/>
      <c r="F24" s="147"/>
      <c r="G24" s="147"/>
      <c r="H24" s="147"/>
      <c r="I24" s="147"/>
      <c r="J24" s="887">
        <f t="shared" si="1"/>
        <v>0</v>
      </c>
    </row>
    <row r="25" spans="1:10">
      <c r="A25" s="885">
        <f t="shared" si="2"/>
        <v>14</v>
      </c>
      <c r="B25" s="891" t="s">
        <v>68</v>
      </c>
      <c r="C25" s="892">
        <f t="shared" ref="C25:J25" si="3">C19+C20+C21-C22-C23-C24</f>
        <v>0</v>
      </c>
      <c r="D25" s="892"/>
      <c r="E25" s="892">
        <f t="shared" si="3"/>
        <v>0</v>
      </c>
      <c r="F25" s="892">
        <f t="shared" si="3"/>
        <v>0</v>
      </c>
      <c r="G25" s="892">
        <f t="shared" si="3"/>
        <v>0</v>
      </c>
      <c r="H25" s="892">
        <f t="shared" si="3"/>
        <v>0</v>
      </c>
      <c r="I25" s="892">
        <f t="shared" si="3"/>
        <v>0</v>
      </c>
      <c r="J25" s="892">
        <f t="shared" si="3"/>
        <v>0</v>
      </c>
    </row>
    <row r="27" spans="1:10" ht="15">
      <c r="A27" s="847" t="s">
        <v>526</v>
      </c>
      <c r="B27" s="893"/>
      <c r="C27" s="893"/>
      <c r="D27" s="893"/>
      <c r="E27" s="893"/>
    </row>
    <row r="28" spans="1:10">
      <c r="A28" s="885">
        <f>A25+1</f>
        <v>15</v>
      </c>
      <c r="B28" s="850" t="s">
        <v>527</v>
      </c>
      <c r="C28" s="855"/>
      <c r="D28" s="914"/>
      <c r="E28" s="915"/>
      <c r="F28" s="914"/>
      <c r="G28" s="914"/>
      <c r="H28" s="855"/>
      <c r="I28" s="914"/>
      <c r="J28" s="894"/>
    </row>
    <row r="29" spans="1:10">
      <c r="A29" s="885">
        <f>A28+1</f>
        <v>16</v>
      </c>
      <c r="B29" s="850" t="s">
        <v>528</v>
      </c>
      <c r="C29" s="856"/>
      <c r="D29" s="916"/>
      <c r="E29" s="856"/>
      <c r="F29" s="916"/>
      <c r="G29" s="916"/>
      <c r="H29" s="856"/>
      <c r="I29" s="916"/>
      <c r="J29" s="895"/>
    </row>
    <row r="30" spans="1:10">
      <c r="A30" s="885">
        <f>A29+1</f>
        <v>17</v>
      </c>
      <c r="B30" s="850" t="s">
        <v>529</v>
      </c>
      <c r="C30" s="146"/>
      <c r="D30" s="917"/>
      <c r="E30" s="146"/>
      <c r="F30" s="917"/>
      <c r="G30" s="917"/>
      <c r="H30" s="146"/>
      <c r="I30" s="917"/>
    </row>
    <row r="31" spans="1:10">
      <c r="A31" s="885">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2">
        <f>SUM(C31:I31)</f>
        <v>0</v>
      </c>
    </row>
    <row r="32" spans="1:10">
      <c r="A32" s="885">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2">
        <f>SUM(C32:I32)</f>
        <v>0</v>
      </c>
    </row>
    <row r="34" spans="1:10">
      <c r="A34" s="885">
        <f>A32+1</f>
        <v>20</v>
      </c>
      <c r="B34" s="850" t="s">
        <v>527</v>
      </c>
      <c r="C34" s="855"/>
      <c r="D34" s="914"/>
      <c r="E34" s="915"/>
      <c r="F34" s="914"/>
      <c r="G34" s="914"/>
      <c r="H34" s="855"/>
      <c r="I34" s="914"/>
    </row>
    <row r="35" spans="1:10">
      <c r="A35" s="885">
        <f>A34+1</f>
        <v>21</v>
      </c>
      <c r="B35" s="850" t="s">
        <v>528</v>
      </c>
      <c r="C35" s="856"/>
      <c r="D35" s="916"/>
      <c r="E35" s="856"/>
      <c r="F35" s="916"/>
      <c r="G35" s="916"/>
      <c r="H35" s="856"/>
      <c r="I35" s="916"/>
    </row>
    <row r="36" spans="1:10">
      <c r="A36" s="885">
        <f>A35+1</f>
        <v>22</v>
      </c>
      <c r="B36" s="850" t="s">
        <v>529</v>
      </c>
      <c r="C36" s="146"/>
      <c r="D36" s="917"/>
      <c r="E36" s="146"/>
      <c r="F36" s="917"/>
      <c r="G36" s="917"/>
      <c r="H36" s="146"/>
      <c r="I36" s="917"/>
    </row>
    <row r="37" spans="1:10">
      <c r="A37" s="885">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2">
        <f>SUM(C37:I37)</f>
        <v>0</v>
      </c>
    </row>
    <row r="38" spans="1:10">
      <c r="A38" s="885">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2">
        <f>SUM(C38:I38)</f>
        <v>0</v>
      </c>
    </row>
    <row r="40" spans="1:10">
      <c r="A40" s="885">
        <f>A38+1</f>
        <v>25</v>
      </c>
      <c r="B40" s="850" t="s">
        <v>527</v>
      </c>
      <c r="C40" s="855"/>
      <c r="D40" s="914"/>
      <c r="E40" s="915"/>
      <c r="F40" s="914"/>
      <c r="G40" s="914"/>
      <c r="H40" s="855"/>
      <c r="I40" s="914"/>
    </row>
    <row r="41" spans="1:10">
      <c r="A41" s="885">
        <f>A40+1</f>
        <v>26</v>
      </c>
      <c r="B41" s="850" t="s">
        <v>528</v>
      </c>
      <c r="C41" s="856"/>
      <c r="D41" s="916"/>
      <c r="E41" s="856"/>
      <c r="F41" s="916"/>
      <c r="G41" s="916"/>
      <c r="H41" s="856"/>
      <c r="I41" s="916"/>
    </row>
    <row r="42" spans="1:10">
      <c r="A42" s="885">
        <f>A41+1</f>
        <v>27</v>
      </c>
      <c r="B42" s="850" t="s">
        <v>529</v>
      </c>
      <c r="C42" s="146"/>
      <c r="D42" s="917"/>
      <c r="E42" s="146"/>
      <c r="F42" s="917"/>
      <c r="G42" s="917"/>
      <c r="H42" s="146"/>
      <c r="I42" s="917"/>
    </row>
    <row r="43" spans="1:10">
      <c r="A43" s="885">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2">
        <f>SUM(C43:I43)</f>
        <v>0</v>
      </c>
    </row>
    <row r="44" spans="1:10">
      <c r="A44" s="885">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2">
        <f>SUM(C44:I44)</f>
        <v>0</v>
      </c>
    </row>
    <row r="46" spans="1:10">
      <c r="A46" s="885">
        <f>A44+1</f>
        <v>30</v>
      </c>
      <c r="B46" s="850" t="s">
        <v>527</v>
      </c>
      <c r="C46" s="855"/>
      <c r="D46" s="914"/>
      <c r="E46" s="915"/>
      <c r="F46" s="914"/>
      <c r="G46" s="914"/>
      <c r="H46" s="855"/>
      <c r="I46" s="914"/>
    </row>
    <row r="47" spans="1:10">
      <c r="A47" s="885">
        <f>A46+1</f>
        <v>31</v>
      </c>
      <c r="B47" s="850" t="s">
        <v>528</v>
      </c>
      <c r="C47" s="856"/>
      <c r="D47" s="916"/>
      <c r="E47" s="856"/>
      <c r="F47" s="916"/>
      <c r="G47" s="916"/>
      <c r="H47" s="856"/>
      <c r="I47" s="916"/>
    </row>
    <row r="48" spans="1:10">
      <c r="A48" s="885">
        <f>A47+1</f>
        <v>32</v>
      </c>
      <c r="B48" s="850" t="s">
        <v>529</v>
      </c>
      <c r="C48" s="146"/>
      <c r="D48" s="917"/>
      <c r="E48" s="146"/>
      <c r="F48" s="917"/>
      <c r="G48" s="917"/>
      <c r="H48" s="146"/>
      <c r="I48" s="917"/>
    </row>
    <row r="49" spans="1:10">
      <c r="A49" s="885">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2">
        <f>SUM(C49:I49)</f>
        <v>0</v>
      </c>
    </row>
    <row r="50" spans="1:10">
      <c r="A50" s="885">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2">
        <f>SUM(C50:I50)</f>
        <v>0</v>
      </c>
    </row>
    <row r="51" spans="1:10">
      <c r="B51" s="850"/>
    </row>
    <row r="52" spans="1:10">
      <c r="A52" s="885">
        <f>A50+1</f>
        <v>35</v>
      </c>
      <c r="B52" s="848" t="str">
        <f>"Preferred Stock (Lns "&amp;A31&amp;", "&amp;A37&amp;", "&amp;A43&amp;","&amp;A49&amp;")"</f>
        <v>Preferred Stock (Lns 18, 23, 28,33)</v>
      </c>
      <c r="C52" s="892">
        <f t="shared" ref="C52:I53" si="12">C31+C37+C43+C49</f>
        <v>0</v>
      </c>
      <c r="D52" s="892"/>
      <c r="E52" s="892">
        <f t="shared" si="12"/>
        <v>0</v>
      </c>
      <c r="F52" s="892">
        <f t="shared" si="12"/>
        <v>0</v>
      </c>
      <c r="G52" s="892">
        <f t="shared" si="12"/>
        <v>0</v>
      </c>
      <c r="H52" s="892">
        <f t="shared" si="12"/>
        <v>0</v>
      </c>
      <c r="I52" s="892">
        <f t="shared" si="12"/>
        <v>0</v>
      </c>
      <c r="J52" s="892">
        <f>SUM(C52:I52)</f>
        <v>0</v>
      </c>
    </row>
    <row r="53" spans="1:10">
      <c r="A53" s="885">
        <f>A52+1</f>
        <v>36</v>
      </c>
      <c r="B53" s="848" t="str">
        <f>"Preferred Dividends (Lns "&amp;A32&amp;", "&amp;A38&amp;", "&amp;A44&amp;","&amp;A50&amp;")"</f>
        <v>Preferred Dividends (Lns 19, 24, 29,34)</v>
      </c>
      <c r="C53" s="892">
        <f t="shared" si="12"/>
        <v>0</v>
      </c>
      <c r="D53" s="892"/>
      <c r="E53" s="892">
        <f t="shared" si="12"/>
        <v>0</v>
      </c>
      <c r="F53" s="892">
        <f t="shared" si="12"/>
        <v>0</v>
      </c>
      <c r="G53" s="892">
        <f t="shared" si="12"/>
        <v>0</v>
      </c>
      <c r="H53" s="892">
        <f t="shared" si="12"/>
        <v>0</v>
      </c>
      <c r="I53" s="892">
        <f t="shared" si="12"/>
        <v>0</v>
      </c>
      <c r="J53" s="892">
        <f>SUM(C53:I53)</f>
        <v>0</v>
      </c>
    </row>
    <row r="54" spans="1:10">
      <c r="B54" s="896"/>
    </row>
    <row r="55" spans="1:10" ht="15">
      <c r="A55" s="847" t="s">
        <v>530</v>
      </c>
    </row>
    <row r="56" spans="1:10">
      <c r="A56" s="885">
        <f>A53+1</f>
        <v>37</v>
      </c>
      <c r="B56" s="666" t="s">
        <v>531</v>
      </c>
      <c r="C56" s="146"/>
      <c r="D56" s="146"/>
      <c r="E56" s="146"/>
      <c r="F56" s="146"/>
      <c r="G56" s="146"/>
      <c r="H56" s="146"/>
      <c r="I56" s="146"/>
      <c r="J56" s="892">
        <f>SUM(C56:I56)</f>
        <v>0</v>
      </c>
    </row>
    <row r="57" spans="1:10">
      <c r="A57" s="885">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2">
        <f>SUM(C57:I57)</f>
        <v>0</v>
      </c>
    </row>
    <row r="58" spans="1:10">
      <c r="A58" s="885">
        <f>A57+1</f>
        <v>39</v>
      </c>
      <c r="B58" s="666" t="s">
        <v>532</v>
      </c>
      <c r="C58" s="854"/>
      <c r="D58" s="854"/>
      <c r="E58" s="854"/>
      <c r="F58" s="854"/>
      <c r="G58" s="854"/>
      <c r="H58" s="854"/>
      <c r="I58" s="854"/>
      <c r="J58" s="892">
        <f>SUM(C58:I58)</f>
        <v>0</v>
      </c>
    </row>
    <row r="59" spans="1:10">
      <c r="A59" s="885">
        <f>A58+1</f>
        <v>40</v>
      </c>
      <c r="B59" s="666" t="s">
        <v>533</v>
      </c>
      <c r="C59" s="147"/>
      <c r="D59" s="147"/>
      <c r="E59" s="147"/>
      <c r="F59" s="147"/>
      <c r="G59" s="147"/>
      <c r="H59" s="147"/>
      <c r="I59" s="147"/>
      <c r="J59" s="897">
        <f>SUM(C59:I59)</f>
        <v>0</v>
      </c>
    </row>
    <row r="60" spans="1:10">
      <c r="A60" s="885">
        <f>A59+1</f>
        <v>41</v>
      </c>
      <c r="B60" s="849" t="s">
        <v>534</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35</v>
      </c>
    </row>
    <row r="63" spans="1:10">
      <c r="A63" s="885">
        <f>A60+1</f>
        <v>42</v>
      </c>
      <c r="B63" s="468" t="str">
        <f>"Long Term Debt (Ln "&amp;A14&amp;" Above)"</f>
        <v>Long Term Debt (Ln 6 Above)</v>
      </c>
      <c r="C63" s="892">
        <f t="shared" ref="C63:J63" si="15">C14</f>
        <v>0</v>
      </c>
      <c r="D63" s="892"/>
      <c r="E63" s="892">
        <f t="shared" si="15"/>
        <v>0</v>
      </c>
      <c r="F63" s="892">
        <f t="shared" si="15"/>
        <v>0</v>
      </c>
      <c r="G63" s="892">
        <f t="shared" si="15"/>
        <v>0</v>
      </c>
      <c r="H63" s="892">
        <f t="shared" si="15"/>
        <v>0</v>
      </c>
      <c r="I63" s="892">
        <f t="shared" si="15"/>
        <v>0</v>
      </c>
      <c r="J63" s="892">
        <f t="shared" si="15"/>
        <v>0</v>
      </c>
    </row>
    <row r="64" spans="1:10">
      <c r="A64" s="885">
        <f>A63+1</f>
        <v>43</v>
      </c>
      <c r="B64" s="468" t="str">
        <f>"Preferred Stock (Ln "&amp;A52&amp;" Above)"</f>
        <v>Preferred Stock (Ln 35 Above)</v>
      </c>
      <c r="C64" s="892">
        <f t="shared" ref="C64:J64" si="16">C52</f>
        <v>0</v>
      </c>
      <c r="D64" s="892"/>
      <c r="E64" s="892">
        <f t="shared" si="16"/>
        <v>0</v>
      </c>
      <c r="F64" s="892">
        <f t="shared" si="16"/>
        <v>0</v>
      </c>
      <c r="G64" s="892">
        <f t="shared" si="16"/>
        <v>0</v>
      </c>
      <c r="H64" s="892">
        <f t="shared" si="16"/>
        <v>0</v>
      </c>
      <c r="I64" s="892">
        <f t="shared" si="16"/>
        <v>0</v>
      </c>
      <c r="J64" s="892">
        <f t="shared" si="16"/>
        <v>0</v>
      </c>
    </row>
    <row r="65" spans="1:10">
      <c r="A65" s="885">
        <f>A64+1</f>
        <v>44</v>
      </c>
      <c r="B65" s="468" t="str">
        <f>"Common Equity (Ln "&amp;A60&amp;" Above)"</f>
        <v>Common Equity (Ln 41 Above)</v>
      </c>
      <c r="C65" s="897">
        <f t="shared" ref="C65:J65" si="17">C60</f>
        <v>0</v>
      </c>
      <c r="D65" s="897"/>
      <c r="E65" s="897">
        <f t="shared" si="17"/>
        <v>0</v>
      </c>
      <c r="F65" s="897">
        <f t="shared" si="17"/>
        <v>0</v>
      </c>
      <c r="G65" s="897">
        <f t="shared" si="17"/>
        <v>0</v>
      </c>
      <c r="H65" s="897">
        <f t="shared" si="17"/>
        <v>0</v>
      </c>
      <c r="I65" s="897">
        <f t="shared" si="17"/>
        <v>0</v>
      </c>
      <c r="J65" s="897">
        <f t="shared" si="17"/>
        <v>0</v>
      </c>
    </row>
    <row r="66" spans="1:10">
      <c r="A66" s="885">
        <f>A65+1</f>
        <v>45</v>
      </c>
      <c r="B66" s="885" t="s">
        <v>536</v>
      </c>
      <c r="C66" s="892">
        <f t="shared" ref="C66:J66" si="18">SUM(C63:C65)</f>
        <v>0</v>
      </c>
      <c r="D66" s="892"/>
      <c r="E66" s="892">
        <f t="shared" si="18"/>
        <v>0</v>
      </c>
      <c r="F66" s="892">
        <f t="shared" si="18"/>
        <v>0</v>
      </c>
      <c r="G66" s="892">
        <f t="shared" si="18"/>
        <v>0</v>
      </c>
      <c r="H66" s="892">
        <f t="shared" si="18"/>
        <v>0</v>
      </c>
      <c r="I66" s="892">
        <f t="shared" si="18"/>
        <v>0</v>
      </c>
      <c r="J66" s="892">
        <f t="shared" si="18"/>
        <v>0</v>
      </c>
    </row>
    <row r="68" spans="1:10">
      <c r="A68" s="885">
        <f>A66+1</f>
        <v>46</v>
      </c>
      <c r="B68" s="468" t="str">
        <f>"LTD Capital Shares (Ln "&amp;A63&amp;" / Ln "&amp;A66&amp;")"</f>
        <v>LTD Capital Shares (Ln 42 / Ln 45)</v>
      </c>
      <c r="C68" s="898" t="e">
        <f t="shared" ref="C68:J68" si="19">C63/C66</f>
        <v>#DIV/0!</v>
      </c>
      <c r="D68" s="898"/>
      <c r="E68" s="898" t="e">
        <f t="shared" si="19"/>
        <v>#DIV/0!</v>
      </c>
      <c r="F68" s="898" t="e">
        <f t="shared" si="19"/>
        <v>#DIV/0!</v>
      </c>
      <c r="G68" s="898" t="e">
        <f t="shared" si="19"/>
        <v>#DIV/0!</v>
      </c>
      <c r="H68" s="898" t="e">
        <f t="shared" si="19"/>
        <v>#DIV/0!</v>
      </c>
      <c r="I68" s="898" t="e">
        <f t="shared" si="19"/>
        <v>#DIV/0!</v>
      </c>
      <c r="J68" s="898" t="e">
        <f t="shared" si="19"/>
        <v>#DIV/0!</v>
      </c>
    </row>
    <row r="69" spans="1:10">
      <c r="A69" s="885">
        <f>A68+1</f>
        <v>47</v>
      </c>
      <c r="B69" s="468" t="str">
        <f>"Preferred Stock Capital Shares (Ln "&amp;A64&amp;" / Ln "&amp;A66&amp;")"</f>
        <v>Preferred Stock Capital Shares (Ln 43 / Ln 45)</v>
      </c>
      <c r="C69" s="898" t="e">
        <f t="shared" ref="C69:J69" si="20">C64/C66</f>
        <v>#DIV/0!</v>
      </c>
      <c r="D69" s="898"/>
      <c r="E69" s="898" t="e">
        <f t="shared" si="20"/>
        <v>#DIV/0!</v>
      </c>
      <c r="F69" s="898" t="e">
        <f t="shared" si="20"/>
        <v>#DIV/0!</v>
      </c>
      <c r="G69" s="898" t="e">
        <f t="shared" si="20"/>
        <v>#DIV/0!</v>
      </c>
      <c r="H69" s="898" t="e">
        <f t="shared" si="20"/>
        <v>#DIV/0!</v>
      </c>
      <c r="I69" s="898" t="e">
        <f t="shared" si="20"/>
        <v>#DIV/0!</v>
      </c>
      <c r="J69" s="898" t="e">
        <f t="shared" si="20"/>
        <v>#DIV/0!</v>
      </c>
    </row>
    <row r="70" spans="1:10">
      <c r="A70" s="899">
        <f>A69+1</f>
        <v>48</v>
      </c>
      <c r="B70" s="468" t="str">
        <f>"Common Equity Capital Shares (Ln "&amp;A65&amp;" / Ln "&amp;A66&amp;")"</f>
        <v>Common Equity Capital Shares (Ln 44 / Ln 45)</v>
      </c>
      <c r="C70" s="900" t="e">
        <f t="shared" ref="C70:J70" si="21">C65/C66</f>
        <v>#DIV/0!</v>
      </c>
      <c r="D70" s="900"/>
      <c r="E70" s="900" t="e">
        <f t="shared" si="21"/>
        <v>#DIV/0!</v>
      </c>
      <c r="F70" s="900" t="e">
        <f t="shared" si="21"/>
        <v>#DIV/0!</v>
      </c>
      <c r="G70" s="900" t="e">
        <f t="shared" si="21"/>
        <v>#DIV/0!</v>
      </c>
      <c r="H70" s="900" t="e">
        <f t="shared" si="21"/>
        <v>#DIV/0!</v>
      </c>
      <c r="I70" s="900" t="e">
        <f t="shared" si="21"/>
        <v>#DIV/0!</v>
      </c>
      <c r="J70" s="900" t="e">
        <f t="shared" si="21"/>
        <v>#DIV/0!</v>
      </c>
    </row>
    <row r="71" spans="1:10">
      <c r="A71" s="899"/>
      <c r="B71" s="468"/>
      <c r="C71" s="900"/>
      <c r="D71" s="900"/>
      <c r="E71" s="900"/>
      <c r="F71" s="900"/>
      <c r="G71" s="900"/>
      <c r="H71" s="900"/>
      <c r="I71" s="900"/>
      <c r="J71" s="900"/>
    </row>
    <row r="72" spans="1:10">
      <c r="A72" s="899">
        <f>A70+1</f>
        <v>49</v>
      </c>
      <c r="B72" s="848" t="s">
        <v>566</v>
      </c>
      <c r="C72" s="901"/>
      <c r="D72" s="901"/>
      <c r="E72" s="901"/>
      <c r="F72" s="901"/>
      <c r="G72" s="901"/>
      <c r="H72" s="901"/>
      <c r="I72" s="901"/>
      <c r="J72" s="901"/>
    </row>
    <row r="73" spans="1:10">
      <c r="A73" s="899"/>
      <c r="B73" s="468"/>
      <c r="C73" s="900"/>
      <c r="D73" s="900"/>
      <c r="E73" s="900"/>
      <c r="F73" s="900"/>
      <c r="G73" s="900"/>
      <c r="H73" s="900"/>
      <c r="I73" s="900"/>
      <c r="J73" s="900"/>
    </row>
    <row r="74" spans="1:10">
      <c r="A74" s="899">
        <f>A72+1</f>
        <v>50</v>
      </c>
      <c r="B74" s="848" t="s">
        <v>566</v>
      </c>
      <c r="C74" s="900"/>
      <c r="D74" s="900"/>
      <c r="E74" s="900"/>
      <c r="F74" s="900"/>
      <c r="G74" s="900"/>
      <c r="H74" s="900"/>
      <c r="I74" s="900"/>
      <c r="J74" s="900"/>
    </row>
    <row r="75" spans="1:10">
      <c r="A75" s="899">
        <f>A74+1</f>
        <v>51</v>
      </c>
      <c r="B75" s="848" t="s">
        <v>566</v>
      </c>
      <c r="C75" s="900"/>
      <c r="D75" s="900"/>
      <c r="E75" s="900"/>
      <c r="F75" s="900"/>
      <c r="G75" s="900"/>
      <c r="H75" s="900"/>
      <c r="I75" s="900"/>
      <c r="J75" s="900"/>
    </row>
    <row r="76" spans="1:10">
      <c r="A76" s="899">
        <f>A75+1</f>
        <v>52</v>
      </c>
      <c r="B76" s="848" t="s">
        <v>566</v>
      </c>
      <c r="C76" s="900"/>
      <c r="D76" s="900"/>
      <c r="E76" s="900"/>
      <c r="F76" s="900"/>
      <c r="G76" s="900"/>
      <c r="H76" s="900"/>
      <c r="I76" s="900"/>
      <c r="J76" s="900"/>
    </row>
    <row r="77" spans="1:10">
      <c r="B77" s="468"/>
      <c r="C77" s="898"/>
      <c r="D77" s="898"/>
      <c r="E77" s="898"/>
      <c r="F77" s="898"/>
      <c r="G77" s="898"/>
      <c r="H77" s="898"/>
      <c r="I77" s="898"/>
      <c r="J77" s="898"/>
    </row>
    <row r="78" spans="1:10" ht="15">
      <c r="A78" s="847" t="s">
        <v>537</v>
      </c>
    </row>
    <row r="79" spans="1:10">
      <c r="A79" s="885">
        <f>A76+1</f>
        <v>53</v>
      </c>
      <c r="B79" s="468" t="str">
        <f>"LTD Capital Cost Rate (Ln "&amp;A25&amp;" / Ln "&amp;A14&amp;")"</f>
        <v>LTD Capital Cost Rate (Ln 14 / Ln 6)</v>
      </c>
      <c r="C79" s="898" t="e">
        <f t="shared" ref="C79:J79" si="22">C25/C14</f>
        <v>#DIV/0!</v>
      </c>
      <c r="D79" s="898"/>
      <c r="E79" s="898" t="e">
        <f t="shared" si="22"/>
        <v>#DIV/0!</v>
      </c>
      <c r="F79" s="898" t="e">
        <f t="shared" si="22"/>
        <v>#DIV/0!</v>
      </c>
      <c r="G79" s="898" t="e">
        <f t="shared" si="22"/>
        <v>#DIV/0!</v>
      </c>
      <c r="H79" s="898" t="e">
        <f t="shared" si="22"/>
        <v>#DIV/0!</v>
      </c>
      <c r="I79" s="898" t="e">
        <f t="shared" si="22"/>
        <v>#DIV/0!</v>
      </c>
      <c r="J79" s="898" t="e">
        <f t="shared" si="22"/>
        <v>#DIV/0!</v>
      </c>
    </row>
    <row r="80" spans="1:10">
      <c r="A80" s="885">
        <f>A79+1</f>
        <v>54</v>
      </c>
      <c r="B80" s="468" t="str">
        <f>"Preferred Stock Capital Cost Rate (Ln "&amp;A53&amp;" / Ln "&amp;A52&amp;")"</f>
        <v>Preferred Stock Capital Cost Rate (Ln 36 / Ln 35)</v>
      </c>
      <c r="C80" s="898">
        <f t="shared" ref="C80:J80" si="23">IF(C52=0,0,C53/C52)</f>
        <v>0</v>
      </c>
      <c r="D80" s="898"/>
      <c r="E80" s="898">
        <f t="shared" si="23"/>
        <v>0</v>
      </c>
      <c r="F80" s="898">
        <f t="shared" si="23"/>
        <v>0</v>
      </c>
      <c r="G80" s="898">
        <f t="shared" si="23"/>
        <v>0</v>
      </c>
      <c r="H80" s="898">
        <f t="shared" si="23"/>
        <v>0</v>
      </c>
      <c r="I80" s="898">
        <f t="shared" si="23"/>
        <v>0</v>
      </c>
      <c r="J80" s="898">
        <f t="shared" si="23"/>
        <v>0</v>
      </c>
    </row>
    <row r="81" spans="1:10">
      <c r="A81" s="885">
        <f>A80+1</f>
        <v>55</v>
      </c>
      <c r="B81" s="468" t="s">
        <v>538</v>
      </c>
      <c r="C81" s="898">
        <v>0.1149</v>
      </c>
      <c r="D81" s="898"/>
      <c r="E81" s="898">
        <v>0.1149</v>
      </c>
      <c r="F81" s="898">
        <v>0.1149</v>
      </c>
      <c r="G81" s="898">
        <v>0.1149</v>
      </c>
      <c r="H81" s="898">
        <v>0.1149</v>
      </c>
      <c r="I81" s="898">
        <v>0.1149</v>
      </c>
      <c r="J81" s="898">
        <v>0.1149</v>
      </c>
    </row>
    <row r="83" spans="1:10" ht="15">
      <c r="A83" s="847" t="s">
        <v>539</v>
      </c>
    </row>
    <row r="84" spans="1:10">
      <c r="A84" s="885">
        <f>A81+1</f>
        <v>56</v>
      </c>
      <c r="B84" s="468" t="str">
        <f>"LTD Weighted Capital Cost Rate (Ln "&amp;A68&amp;" * Ln "&amp;A79&amp;")"</f>
        <v>LTD Weighted Capital Cost Rate (Ln 46 * Ln 53)</v>
      </c>
      <c r="C84" s="898" t="e">
        <f>C68*C79</f>
        <v>#DIV/0!</v>
      </c>
      <c r="D84" s="898"/>
      <c r="E84" s="898" t="e">
        <f t="shared" ref="E84:J84" si="24">E68*E79</f>
        <v>#DIV/0!</v>
      </c>
      <c r="F84" s="898" t="e">
        <f t="shared" si="24"/>
        <v>#DIV/0!</v>
      </c>
      <c r="G84" s="898" t="e">
        <f t="shared" si="24"/>
        <v>#DIV/0!</v>
      </c>
      <c r="H84" s="898" t="e">
        <f t="shared" si="24"/>
        <v>#DIV/0!</v>
      </c>
      <c r="I84" s="898" t="e">
        <f t="shared" si="24"/>
        <v>#DIV/0!</v>
      </c>
      <c r="J84" s="898" t="e">
        <f t="shared" si="24"/>
        <v>#DIV/0!</v>
      </c>
    </row>
    <row r="85" spans="1:10">
      <c r="A85" s="885">
        <f>A84+1</f>
        <v>57</v>
      </c>
      <c r="B85" s="468" t="str">
        <f>"Preferred Stock Capital Cost Rate (Ln "&amp;A69&amp;" * Ln "&amp;A80&amp;")"</f>
        <v>Preferred Stock Capital Cost Rate (Ln 47 * Ln 54)</v>
      </c>
      <c r="C85" s="898" t="e">
        <f>C69*C80</f>
        <v>#DIV/0!</v>
      </c>
      <c r="D85" s="898"/>
      <c r="E85" s="898" t="e">
        <f t="shared" ref="E85:J85" si="25">E69*E80</f>
        <v>#DIV/0!</v>
      </c>
      <c r="F85" s="898" t="e">
        <f t="shared" si="25"/>
        <v>#DIV/0!</v>
      </c>
      <c r="G85" s="898" t="e">
        <f t="shared" si="25"/>
        <v>#DIV/0!</v>
      </c>
      <c r="H85" s="898" t="e">
        <f t="shared" si="25"/>
        <v>#DIV/0!</v>
      </c>
      <c r="I85" s="898" t="e">
        <f t="shared" si="25"/>
        <v>#DIV/0!</v>
      </c>
      <c r="J85" s="898" t="e">
        <f t="shared" si="25"/>
        <v>#DIV/0!</v>
      </c>
    </row>
    <row r="86" spans="1:10">
      <c r="A86" s="885">
        <f>A85+1</f>
        <v>58</v>
      </c>
      <c r="B86" s="468" t="str">
        <f>"Common Equity Capital Cost Rate (Ln "&amp;A70&amp;" * Ln "&amp;A81&amp;")"</f>
        <v>Common Equity Capital Cost Rate (Ln 48 * Ln 55)</v>
      </c>
      <c r="C86" s="902" t="e">
        <f>C70*C81</f>
        <v>#DIV/0!</v>
      </c>
      <c r="D86" s="902"/>
      <c r="E86" s="902" t="e">
        <f t="shared" ref="E86:J86" si="26">E70*E81</f>
        <v>#DIV/0!</v>
      </c>
      <c r="F86" s="902" t="e">
        <f t="shared" si="26"/>
        <v>#DIV/0!</v>
      </c>
      <c r="G86" s="902" t="e">
        <f t="shared" si="26"/>
        <v>#DIV/0!</v>
      </c>
      <c r="H86" s="902" t="e">
        <f t="shared" si="26"/>
        <v>#DIV/0!</v>
      </c>
      <c r="I86" s="902" t="e">
        <f t="shared" si="26"/>
        <v>#DIV/0!</v>
      </c>
      <c r="J86" s="902" t="e">
        <f t="shared" si="26"/>
        <v>#DIV/0!</v>
      </c>
    </row>
    <row r="87" spans="1:10">
      <c r="A87" s="885">
        <f>A86+1</f>
        <v>59</v>
      </c>
      <c r="B87" s="903" t="s">
        <v>536</v>
      </c>
      <c r="C87" s="904" t="e">
        <f t="shared" ref="C87:J87" si="27">SUM(C84:C86)</f>
        <v>#DIV/0!</v>
      </c>
      <c r="D87" s="904"/>
      <c r="E87" s="904" t="e">
        <f t="shared" si="27"/>
        <v>#DIV/0!</v>
      </c>
      <c r="F87" s="904" t="e">
        <f t="shared" si="27"/>
        <v>#DIV/0!</v>
      </c>
      <c r="G87" s="904" t="e">
        <f t="shared" si="27"/>
        <v>#DIV/0!</v>
      </c>
      <c r="H87" s="904" t="e">
        <f t="shared" si="27"/>
        <v>#DIV/0!</v>
      </c>
      <c r="I87" s="904" t="e">
        <f t="shared" si="27"/>
        <v>#DIV/0!</v>
      </c>
      <c r="J87" s="904" t="e">
        <f t="shared" si="27"/>
        <v>#DIV/0!</v>
      </c>
    </row>
    <row r="90" spans="1:10">
      <c r="A90" s="1529" t="s">
        <v>515</v>
      </c>
      <c r="B90" s="1529"/>
      <c r="C90" s="1529"/>
      <c r="D90" s="1529"/>
      <c r="E90" s="1529"/>
      <c r="F90" s="1529"/>
      <c r="G90" s="1529"/>
      <c r="H90" s="1529"/>
      <c r="I90" s="1529"/>
      <c r="J90" s="1529"/>
    </row>
    <row r="91" spans="1:10">
      <c r="A91" s="1529" t="str">
        <f>"Consolidation of Operating Companies' Capital Structure @ December 31, "&amp;TCOS!L4-1&amp;""</f>
        <v>Consolidation of Operating Companies' Capital Structure @ December 31, 2020</v>
      </c>
      <c r="B91" s="1529"/>
      <c r="C91" s="1529"/>
      <c r="D91" s="1529"/>
      <c r="E91" s="1529"/>
      <c r="F91" s="1529"/>
      <c r="G91" s="1529"/>
      <c r="H91" s="1529"/>
      <c r="I91" s="1529"/>
      <c r="J91" s="1529"/>
    </row>
    <row r="92" spans="1:10">
      <c r="A92" s="1529" t="s">
        <v>257</v>
      </c>
      <c r="B92" s="1529"/>
      <c r="C92" s="1529"/>
      <c r="D92" s="1529"/>
      <c r="E92" s="1529"/>
      <c r="F92" s="1529"/>
      <c r="G92" s="1529"/>
      <c r="H92" s="1529"/>
      <c r="I92" s="1529"/>
      <c r="J92" s="1529"/>
    </row>
    <row r="93" spans="1:10">
      <c r="B93" s="896"/>
      <c r="C93" s="899"/>
      <c r="D93" s="899"/>
      <c r="E93" s="899"/>
      <c r="F93" s="899"/>
      <c r="G93" s="899"/>
      <c r="H93" s="899"/>
      <c r="I93" s="899"/>
      <c r="J93" s="899"/>
    </row>
    <row r="94" spans="1:10" ht="76.5">
      <c r="A94" s="885" t="s">
        <v>469</v>
      </c>
      <c r="C94" s="886" t="s">
        <v>516</v>
      </c>
      <c r="D94" s="886"/>
      <c r="E94" s="886" t="s">
        <v>517</v>
      </c>
      <c r="F94" s="886" t="s">
        <v>518</v>
      </c>
      <c r="G94" s="886" t="s">
        <v>519</v>
      </c>
      <c r="H94" s="886" t="s">
        <v>520</v>
      </c>
      <c r="I94" s="886" t="s">
        <v>521</v>
      </c>
      <c r="J94" s="886" t="s">
        <v>522</v>
      </c>
    </row>
    <row r="95" spans="1:10" ht="15">
      <c r="A95" s="847" t="s">
        <v>523</v>
      </c>
    </row>
    <row r="96" spans="1:10">
      <c r="A96" s="885">
        <f>A87+1</f>
        <v>60</v>
      </c>
      <c r="B96" s="851" t="s">
        <v>346</v>
      </c>
      <c r="C96" s="854"/>
      <c r="D96" s="854"/>
      <c r="E96" s="854"/>
      <c r="F96" s="854"/>
      <c r="G96" s="854"/>
      <c r="H96" s="854"/>
      <c r="I96" s="854"/>
      <c r="J96" s="834">
        <f>SUM(C96:I96)</f>
        <v>0</v>
      </c>
    </row>
    <row r="97" spans="1:10">
      <c r="A97" s="885">
        <f>A96+1</f>
        <v>61</v>
      </c>
      <c r="B97" s="851" t="s">
        <v>347</v>
      </c>
      <c r="C97" s="854"/>
      <c r="D97" s="854"/>
      <c r="E97" s="854"/>
      <c r="F97" s="854"/>
      <c r="G97" s="854"/>
      <c r="H97" s="854"/>
      <c r="I97" s="854"/>
      <c r="J97" s="834">
        <f>SUM(C97:I97)</f>
        <v>0</v>
      </c>
    </row>
    <row r="98" spans="1:10">
      <c r="A98" s="885">
        <f>A97+1</f>
        <v>62</v>
      </c>
      <c r="B98" s="852" t="s">
        <v>23</v>
      </c>
      <c r="C98" s="854"/>
      <c r="D98" s="854"/>
      <c r="E98" s="854"/>
      <c r="F98" s="854"/>
      <c r="G98" s="854"/>
      <c r="H98" s="854"/>
      <c r="I98" s="854"/>
      <c r="J98" s="834">
        <f>SUM(C98:I98)</f>
        <v>0</v>
      </c>
    </row>
    <row r="99" spans="1:10">
      <c r="A99" s="885">
        <f>A98+1</f>
        <v>63</v>
      </c>
      <c r="B99" s="852" t="s">
        <v>17</v>
      </c>
      <c r="C99" s="854"/>
      <c r="D99" s="854"/>
      <c r="E99" s="854"/>
      <c r="F99" s="854"/>
      <c r="G99" s="854"/>
      <c r="H99" s="854"/>
      <c r="I99" s="854"/>
      <c r="J99" s="834">
        <f>SUM(C99:I99)</f>
        <v>0</v>
      </c>
    </row>
    <row r="100" spans="1:10">
      <c r="A100" s="885">
        <f>A99+1</f>
        <v>64</v>
      </c>
      <c r="B100" s="852" t="str">
        <f>"Less: Fair Value Hedges (See Note on Ln "&amp;A103&amp;" below)"</f>
        <v>Less: Fair Value Hedges (See Note on Ln 66 below)</v>
      </c>
      <c r="C100" s="147"/>
      <c r="D100" s="147"/>
      <c r="E100" s="147"/>
      <c r="F100" s="147"/>
      <c r="G100" s="147"/>
      <c r="H100" s="147"/>
      <c r="I100" s="147"/>
      <c r="J100" s="887">
        <f>SUM(C100:I100)</f>
        <v>0</v>
      </c>
    </row>
    <row r="101" spans="1:10">
      <c r="A101" s="885">
        <f>A100+1</f>
        <v>65</v>
      </c>
      <c r="B101" s="853" t="s">
        <v>67</v>
      </c>
      <c r="C101" s="888">
        <f t="shared" ref="C101:J101" si="28">C96-C97+C98+C99-C100</f>
        <v>0</v>
      </c>
      <c r="D101" s="888"/>
      <c r="E101" s="888">
        <f t="shared" si="28"/>
        <v>0</v>
      </c>
      <c r="F101" s="888">
        <f t="shared" si="28"/>
        <v>0</v>
      </c>
      <c r="G101" s="888">
        <f t="shared" si="28"/>
        <v>0</v>
      </c>
      <c r="H101" s="888">
        <f t="shared" si="28"/>
        <v>0</v>
      </c>
      <c r="I101" s="888">
        <f t="shared" si="28"/>
        <v>0</v>
      </c>
      <c r="J101" s="888">
        <f t="shared" si="28"/>
        <v>0</v>
      </c>
    </row>
    <row r="103" spans="1:10">
      <c r="A103" s="885">
        <f>A101+1</f>
        <v>66</v>
      </c>
      <c r="B103" s="1528" t="s">
        <v>66</v>
      </c>
      <c r="C103" s="1528"/>
      <c r="D103" s="1528"/>
      <c r="E103" s="1528"/>
      <c r="F103" s="1528"/>
      <c r="G103" s="1528"/>
      <c r="H103" s="1528"/>
      <c r="I103" s="1528"/>
      <c r="J103" s="1528"/>
    </row>
    <row r="104" spans="1:10">
      <c r="B104" s="889"/>
      <c r="C104" s="889"/>
      <c r="D104" s="889"/>
      <c r="E104" s="889"/>
      <c r="F104" s="889"/>
      <c r="G104" s="889"/>
      <c r="H104" s="889"/>
      <c r="I104" s="889"/>
      <c r="J104" s="889"/>
    </row>
    <row r="105" spans="1:10" ht="15">
      <c r="A105" s="847" t="s">
        <v>524</v>
      </c>
    </row>
    <row r="106" spans="1:10">
      <c r="A106" s="885">
        <f>A103+1</f>
        <v>67</v>
      </c>
      <c r="B106" s="851" t="s">
        <v>348</v>
      </c>
      <c r="C106" s="146"/>
      <c r="D106" s="146"/>
      <c r="E106" s="146"/>
      <c r="F106" s="146"/>
      <c r="G106" s="146"/>
      <c r="H106" s="146"/>
      <c r="I106" s="146"/>
      <c r="J106" s="489">
        <f t="shared" ref="J106:J111" si="29">SUM(C106:I106)</f>
        <v>0</v>
      </c>
    </row>
    <row r="107" spans="1:10">
      <c r="A107" s="885">
        <f t="shared" ref="A107:A112" si="30">A106+1</f>
        <v>68</v>
      </c>
      <c r="B107" s="851" t="s">
        <v>341</v>
      </c>
      <c r="C107" s="146"/>
      <c r="D107" s="146"/>
      <c r="E107" s="146"/>
      <c r="F107" s="146"/>
      <c r="G107" s="146"/>
      <c r="H107" s="146"/>
      <c r="I107" s="146"/>
      <c r="J107" s="489">
        <f t="shared" si="29"/>
        <v>0</v>
      </c>
    </row>
    <row r="108" spans="1:10">
      <c r="A108" s="885">
        <f t="shared" si="30"/>
        <v>69</v>
      </c>
      <c r="B108" s="851" t="s">
        <v>342</v>
      </c>
      <c r="C108" s="146"/>
      <c r="D108" s="146"/>
      <c r="E108" s="146"/>
      <c r="F108" s="146"/>
      <c r="G108" s="146"/>
      <c r="H108" s="146"/>
      <c r="I108" s="146"/>
      <c r="J108" s="489">
        <f t="shared" si="29"/>
        <v>0</v>
      </c>
    </row>
    <row r="109" spans="1:10">
      <c r="A109" s="885">
        <f t="shared" si="30"/>
        <v>70</v>
      </c>
      <c r="B109" s="851" t="s">
        <v>343</v>
      </c>
      <c r="C109" s="854"/>
      <c r="D109" s="854"/>
      <c r="E109" s="854"/>
      <c r="F109" s="854"/>
      <c r="G109" s="854"/>
      <c r="H109" s="854"/>
      <c r="I109" s="854"/>
      <c r="J109" s="834">
        <f t="shared" si="29"/>
        <v>0</v>
      </c>
    </row>
    <row r="110" spans="1:10">
      <c r="A110" s="885">
        <f t="shared" si="30"/>
        <v>71</v>
      </c>
      <c r="B110" s="851" t="s">
        <v>344</v>
      </c>
      <c r="C110" s="854"/>
      <c r="D110" s="854"/>
      <c r="E110" s="854"/>
      <c r="F110" s="854"/>
      <c r="G110" s="854"/>
      <c r="H110" s="854"/>
      <c r="I110" s="854"/>
      <c r="J110" s="834">
        <f t="shared" si="29"/>
        <v>0</v>
      </c>
    </row>
    <row r="111" spans="1:10">
      <c r="A111" s="885">
        <f t="shared" si="30"/>
        <v>72</v>
      </c>
      <c r="B111" s="890" t="s">
        <v>525</v>
      </c>
      <c r="C111" s="147"/>
      <c r="D111" s="147"/>
      <c r="E111" s="147"/>
      <c r="F111" s="147"/>
      <c r="G111" s="147"/>
      <c r="H111" s="147"/>
      <c r="I111" s="147"/>
      <c r="J111" s="887">
        <f t="shared" si="29"/>
        <v>0</v>
      </c>
    </row>
    <row r="112" spans="1:10">
      <c r="A112" s="885">
        <f t="shared" si="30"/>
        <v>73</v>
      </c>
      <c r="B112" s="891" t="s">
        <v>68</v>
      </c>
      <c r="C112" s="892">
        <f t="shared" ref="C112:J112" si="31">C106+C107+C108-C109-C110-C111</f>
        <v>0</v>
      </c>
      <c r="D112" s="892"/>
      <c r="E112" s="892">
        <f t="shared" si="31"/>
        <v>0</v>
      </c>
      <c r="F112" s="892">
        <f t="shared" si="31"/>
        <v>0</v>
      </c>
      <c r="G112" s="892">
        <f t="shared" si="31"/>
        <v>0</v>
      </c>
      <c r="H112" s="892">
        <f t="shared" si="31"/>
        <v>0</v>
      </c>
      <c r="I112" s="892">
        <f t="shared" si="31"/>
        <v>0</v>
      </c>
      <c r="J112" s="892">
        <f t="shared" si="31"/>
        <v>0</v>
      </c>
    </row>
    <row r="114" spans="1:10" ht="15">
      <c r="A114" s="847" t="s">
        <v>526</v>
      </c>
      <c r="B114" s="893"/>
      <c r="C114" s="893"/>
      <c r="D114" s="893"/>
      <c r="E114" s="893"/>
    </row>
    <row r="115" spans="1:10">
      <c r="A115" s="885">
        <f>A112+1</f>
        <v>74</v>
      </c>
      <c r="B115" s="850" t="s">
        <v>527</v>
      </c>
      <c r="C115" s="855"/>
      <c r="D115" s="914"/>
      <c r="E115" s="915"/>
      <c r="F115" s="914"/>
      <c r="G115" s="914"/>
      <c r="H115" s="855"/>
      <c r="I115" s="914"/>
      <c r="J115" s="894"/>
    </row>
    <row r="116" spans="1:10">
      <c r="A116" s="885">
        <f>A115+1</f>
        <v>75</v>
      </c>
      <c r="B116" s="850" t="s">
        <v>528</v>
      </c>
      <c r="C116" s="856"/>
      <c r="D116" s="916"/>
      <c r="E116" s="856"/>
      <c r="F116" s="916"/>
      <c r="G116" s="916"/>
      <c r="H116" s="856"/>
      <c r="I116" s="916"/>
      <c r="J116" s="895"/>
    </row>
    <row r="117" spans="1:10">
      <c r="A117" s="885">
        <f>A116+1</f>
        <v>76</v>
      </c>
      <c r="B117" s="850" t="s">
        <v>529</v>
      </c>
      <c r="C117" s="146"/>
      <c r="D117" s="917"/>
      <c r="E117" s="146"/>
      <c r="F117" s="917"/>
      <c r="G117" s="917"/>
      <c r="H117" s="146"/>
      <c r="I117" s="917"/>
    </row>
    <row r="118" spans="1:10">
      <c r="A118" s="885">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2">
        <f>SUM(C118:I118)</f>
        <v>0</v>
      </c>
    </row>
    <row r="119" spans="1:10">
      <c r="A119" s="885">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2">
        <f>SUM(C119:I119)</f>
        <v>0</v>
      </c>
    </row>
    <row r="121" spans="1:10">
      <c r="A121" s="885">
        <f>A119+1</f>
        <v>79</v>
      </c>
      <c r="B121" s="850" t="s">
        <v>527</v>
      </c>
      <c r="C121" s="855"/>
      <c r="D121" s="914"/>
      <c r="E121" s="915"/>
      <c r="F121" s="914"/>
      <c r="G121" s="914"/>
      <c r="H121" s="855"/>
      <c r="I121" s="914"/>
    </row>
    <row r="122" spans="1:10">
      <c r="A122" s="885">
        <f>A121+1</f>
        <v>80</v>
      </c>
      <c r="B122" s="850" t="s">
        <v>528</v>
      </c>
      <c r="C122" s="856"/>
      <c r="D122" s="916"/>
      <c r="E122" s="856"/>
      <c r="F122" s="916"/>
      <c r="G122" s="916"/>
      <c r="H122" s="856"/>
      <c r="I122" s="916"/>
    </row>
    <row r="123" spans="1:10">
      <c r="A123" s="885">
        <f>A122+1</f>
        <v>81</v>
      </c>
      <c r="B123" s="850" t="s">
        <v>529</v>
      </c>
      <c r="C123" s="146"/>
      <c r="D123" s="917"/>
      <c r="E123" s="146"/>
      <c r="F123" s="917"/>
      <c r="G123" s="917"/>
      <c r="H123" s="146"/>
      <c r="I123" s="917"/>
    </row>
    <row r="124" spans="1:10">
      <c r="A124" s="885">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2">
        <f>SUM(C124:I124)</f>
        <v>0</v>
      </c>
    </row>
    <row r="125" spans="1:10">
      <c r="A125" s="885">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2">
        <f>SUM(C125:I125)</f>
        <v>0</v>
      </c>
    </row>
    <row r="127" spans="1:10">
      <c r="A127" s="885">
        <f>A125+1</f>
        <v>84</v>
      </c>
      <c r="B127" s="850" t="s">
        <v>527</v>
      </c>
      <c r="C127" s="855"/>
      <c r="D127" s="914"/>
      <c r="E127" s="915"/>
      <c r="F127" s="914"/>
      <c r="G127" s="914"/>
      <c r="H127" s="855"/>
      <c r="I127" s="914"/>
    </row>
    <row r="128" spans="1:10">
      <c r="A128" s="885">
        <f>A127+1</f>
        <v>85</v>
      </c>
      <c r="B128" s="850" t="s">
        <v>528</v>
      </c>
      <c r="C128" s="856"/>
      <c r="D128" s="916"/>
      <c r="E128" s="856"/>
      <c r="F128" s="916"/>
      <c r="G128" s="916"/>
      <c r="H128" s="856"/>
      <c r="I128" s="916"/>
    </row>
    <row r="129" spans="1:10">
      <c r="A129" s="885">
        <f>A128+1</f>
        <v>86</v>
      </c>
      <c r="B129" s="850" t="s">
        <v>529</v>
      </c>
      <c r="C129" s="146"/>
      <c r="D129" s="917"/>
      <c r="E129" s="146"/>
      <c r="F129" s="917"/>
      <c r="G129" s="917"/>
      <c r="H129" s="146"/>
      <c r="I129" s="917"/>
    </row>
    <row r="130" spans="1:10">
      <c r="A130" s="885">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2">
        <f>SUM(C130:I130)</f>
        <v>0</v>
      </c>
    </row>
    <row r="131" spans="1:10">
      <c r="A131" s="885">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2">
        <f>SUM(C131:I131)</f>
        <v>0</v>
      </c>
    </row>
    <row r="133" spans="1:10">
      <c r="A133" s="885">
        <f>A131+1</f>
        <v>89</v>
      </c>
      <c r="B133" s="850" t="s">
        <v>527</v>
      </c>
      <c r="C133" s="855"/>
      <c r="D133" s="914"/>
      <c r="E133" s="915"/>
      <c r="F133" s="914"/>
      <c r="G133" s="914"/>
      <c r="H133" s="855"/>
      <c r="I133" s="914"/>
    </row>
    <row r="134" spans="1:10">
      <c r="A134" s="885">
        <f>A133+1</f>
        <v>90</v>
      </c>
      <c r="B134" s="850" t="s">
        <v>528</v>
      </c>
      <c r="C134" s="856"/>
      <c r="D134" s="916"/>
      <c r="E134" s="856"/>
      <c r="F134" s="916"/>
      <c r="G134" s="916"/>
      <c r="H134" s="856"/>
      <c r="I134" s="916"/>
    </row>
    <row r="135" spans="1:10">
      <c r="A135" s="885">
        <f>A134+1</f>
        <v>91</v>
      </c>
      <c r="B135" s="850" t="s">
        <v>529</v>
      </c>
      <c r="C135" s="146"/>
      <c r="D135" s="917"/>
      <c r="E135" s="146"/>
      <c r="F135" s="917"/>
      <c r="G135" s="917"/>
      <c r="H135" s="146"/>
      <c r="I135" s="917"/>
    </row>
    <row r="136" spans="1:10">
      <c r="A136" s="885">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2">
        <f>SUM(C136:I136)</f>
        <v>0</v>
      </c>
    </row>
    <row r="137" spans="1:10">
      <c r="A137" s="885">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2">
        <f>SUM(C137:I137)</f>
        <v>0</v>
      </c>
    </row>
    <row r="138" spans="1:10">
      <c r="B138" s="850"/>
    </row>
    <row r="139" spans="1:10">
      <c r="A139" s="885">
        <f>A137+1</f>
        <v>94</v>
      </c>
      <c r="B139" s="848" t="str">
        <f>"Preferred Stock (Lns "&amp;A118&amp;", "&amp;A124&amp;", "&amp;A130&amp;","&amp;A136&amp;")"</f>
        <v>Preferred Stock (Lns 77, 82, 87,92)</v>
      </c>
      <c r="C139" s="892">
        <f t="shared" ref="C139:I140" si="40">C118+C124+C130+C136</f>
        <v>0</v>
      </c>
      <c r="D139" s="892"/>
      <c r="E139" s="892">
        <f t="shared" si="40"/>
        <v>0</v>
      </c>
      <c r="F139" s="892">
        <f t="shared" si="40"/>
        <v>0</v>
      </c>
      <c r="G139" s="892">
        <f t="shared" si="40"/>
        <v>0</v>
      </c>
      <c r="H139" s="892">
        <f t="shared" si="40"/>
        <v>0</v>
      </c>
      <c r="I139" s="892">
        <f t="shared" si="40"/>
        <v>0</v>
      </c>
      <c r="J139" s="892">
        <f>SUM(C139:I139)</f>
        <v>0</v>
      </c>
    </row>
    <row r="140" spans="1:10">
      <c r="A140" s="885">
        <f>A139+1</f>
        <v>95</v>
      </c>
      <c r="B140" s="848" t="str">
        <f>"Preferred Dividends (Lns "&amp;A119&amp;", "&amp;A125&amp;", "&amp;A131&amp;","&amp;A137&amp;")"</f>
        <v>Preferred Dividends (Lns 78, 83, 88,93)</v>
      </c>
      <c r="C140" s="892">
        <f t="shared" si="40"/>
        <v>0</v>
      </c>
      <c r="D140" s="892"/>
      <c r="E140" s="892">
        <f t="shared" si="40"/>
        <v>0</v>
      </c>
      <c r="F140" s="892">
        <f t="shared" si="40"/>
        <v>0</v>
      </c>
      <c r="G140" s="892">
        <f t="shared" si="40"/>
        <v>0</v>
      </c>
      <c r="H140" s="892">
        <f t="shared" si="40"/>
        <v>0</v>
      </c>
      <c r="I140" s="892">
        <f t="shared" si="40"/>
        <v>0</v>
      </c>
      <c r="J140" s="892">
        <f>SUM(C140:I140)</f>
        <v>0</v>
      </c>
    </row>
    <row r="141" spans="1:10">
      <c r="B141" s="896"/>
    </row>
    <row r="142" spans="1:10" ht="15">
      <c r="A142" s="847" t="s">
        <v>530</v>
      </c>
    </row>
    <row r="143" spans="1:10">
      <c r="A143" s="885">
        <f>A140+1</f>
        <v>96</v>
      </c>
      <c r="B143" s="666" t="s">
        <v>531</v>
      </c>
      <c r="C143" s="146"/>
      <c r="D143" s="146"/>
      <c r="E143" s="146"/>
      <c r="F143" s="146"/>
      <c r="G143" s="146"/>
      <c r="H143" s="146"/>
      <c r="I143" s="146"/>
      <c r="J143" s="892">
        <f>SUM(C143:I143)</f>
        <v>0</v>
      </c>
    </row>
    <row r="144" spans="1:10">
      <c r="A144" s="885">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2">
        <f>SUM(C144:I144)</f>
        <v>0</v>
      </c>
    </row>
    <row r="145" spans="1:10">
      <c r="A145" s="885">
        <f>A144+1</f>
        <v>98</v>
      </c>
      <c r="B145" s="666" t="s">
        <v>532</v>
      </c>
      <c r="C145" s="854"/>
      <c r="D145" s="854"/>
      <c r="E145" s="854"/>
      <c r="F145" s="854"/>
      <c r="G145" s="854"/>
      <c r="H145" s="854"/>
      <c r="I145" s="854"/>
      <c r="J145" s="892">
        <f>SUM(C145:I145)</f>
        <v>0</v>
      </c>
    </row>
    <row r="146" spans="1:10">
      <c r="A146" s="885">
        <f>A145+1</f>
        <v>99</v>
      </c>
      <c r="B146" s="666" t="s">
        <v>533</v>
      </c>
      <c r="C146" s="147"/>
      <c r="D146" s="147"/>
      <c r="E146" s="147"/>
      <c r="F146" s="147"/>
      <c r="G146" s="147"/>
      <c r="H146" s="147"/>
      <c r="I146" s="147"/>
      <c r="J146" s="897">
        <f>SUM(C146:I146)</f>
        <v>0</v>
      </c>
    </row>
    <row r="147" spans="1:10">
      <c r="A147" s="885">
        <f>A146+1</f>
        <v>100</v>
      </c>
      <c r="B147" s="849" t="s">
        <v>534</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35</v>
      </c>
    </row>
    <row r="150" spans="1:10">
      <c r="A150" s="885">
        <f>A147+1</f>
        <v>101</v>
      </c>
      <c r="B150" s="468" t="str">
        <f>"Long Term Debt (Ln "&amp;A101&amp;" Above)"</f>
        <v>Long Term Debt (Ln 65 Above)</v>
      </c>
      <c r="C150" s="892">
        <f t="shared" ref="C150:J150" si="42">C101</f>
        <v>0</v>
      </c>
      <c r="D150" s="892"/>
      <c r="E150" s="892">
        <f t="shared" si="42"/>
        <v>0</v>
      </c>
      <c r="F150" s="892">
        <f t="shared" si="42"/>
        <v>0</v>
      </c>
      <c r="G150" s="892">
        <f t="shared" si="42"/>
        <v>0</v>
      </c>
      <c r="H150" s="892">
        <f t="shared" si="42"/>
        <v>0</v>
      </c>
      <c r="I150" s="892">
        <f t="shared" si="42"/>
        <v>0</v>
      </c>
      <c r="J150" s="892">
        <f t="shared" si="42"/>
        <v>0</v>
      </c>
    </row>
    <row r="151" spans="1:10">
      <c r="A151" s="885">
        <f>A150+1</f>
        <v>102</v>
      </c>
      <c r="B151" s="468" t="str">
        <f>"Preferred Stock (Ln "&amp;A139&amp;" Above)"</f>
        <v>Preferred Stock (Ln 94 Above)</v>
      </c>
      <c r="C151" s="892">
        <f t="shared" ref="C151:J151" si="43">C139</f>
        <v>0</v>
      </c>
      <c r="D151" s="892"/>
      <c r="E151" s="892">
        <f t="shared" si="43"/>
        <v>0</v>
      </c>
      <c r="F151" s="892">
        <f t="shared" si="43"/>
        <v>0</v>
      </c>
      <c r="G151" s="892">
        <f t="shared" si="43"/>
        <v>0</v>
      </c>
      <c r="H151" s="892">
        <f t="shared" si="43"/>
        <v>0</v>
      </c>
      <c r="I151" s="892">
        <f t="shared" si="43"/>
        <v>0</v>
      </c>
      <c r="J151" s="892">
        <f t="shared" si="43"/>
        <v>0</v>
      </c>
    </row>
    <row r="152" spans="1:10">
      <c r="A152" s="885">
        <f>A151+1</f>
        <v>103</v>
      </c>
      <c r="B152" s="468" t="str">
        <f>"Common Equity (Ln "&amp;A147&amp;" Above)"</f>
        <v>Common Equity (Ln 100 Above)</v>
      </c>
      <c r="C152" s="897">
        <f t="shared" ref="C152:J152" si="44">C147</f>
        <v>0</v>
      </c>
      <c r="D152" s="897"/>
      <c r="E152" s="897">
        <f t="shared" si="44"/>
        <v>0</v>
      </c>
      <c r="F152" s="897">
        <f t="shared" si="44"/>
        <v>0</v>
      </c>
      <c r="G152" s="897">
        <f t="shared" si="44"/>
        <v>0</v>
      </c>
      <c r="H152" s="897">
        <f t="shared" si="44"/>
        <v>0</v>
      </c>
      <c r="I152" s="897">
        <f t="shared" si="44"/>
        <v>0</v>
      </c>
      <c r="J152" s="897">
        <f t="shared" si="44"/>
        <v>0</v>
      </c>
    </row>
    <row r="153" spans="1:10">
      <c r="A153" s="885">
        <f>A152+1</f>
        <v>104</v>
      </c>
      <c r="B153" s="885" t="s">
        <v>536</v>
      </c>
      <c r="C153" s="892">
        <f t="shared" ref="C153:J153" si="45">SUM(C150:C152)</f>
        <v>0</v>
      </c>
      <c r="D153" s="892"/>
      <c r="E153" s="892">
        <f t="shared" si="45"/>
        <v>0</v>
      </c>
      <c r="F153" s="892">
        <f t="shared" si="45"/>
        <v>0</v>
      </c>
      <c r="G153" s="892">
        <f t="shared" si="45"/>
        <v>0</v>
      </c>
      <c r="H153" s="892">
        <f t="shared" si="45"/>
        <v>0</v>
      </c>
      <c r="I153" s="892">
        <f t="shared" si="45"/>
        <v>0</v>
      </c>
      <c r="J153" s="892">
        <f t="shared" si="45"/>
        <v>0</v>
      </c>
    </row>
    <row r="155" spans="1:10">
      <c r="A155" s="885">
        <f>A153+1</f>
        <v>105</v>
      </c>
      <c r="B155" s="468" t="str">
        <f>"LTD Capital Shares (Ln "&amp;A150&amp;" / Ln "&amp;A153&amp;")"</f>
        <v>LTD Capital Shares (Ln 101 / Ln 104)</v>
      </c>
      <c r="C155" s="898" t="e">
        <f t="shared" ref="C155:J155" si="46">C150/C153</f>
        <v>#DIV/0!</v>
      </c>
      <c r="D155" s="898"/>
      <c r="E155" s="898" t="e">
        <f t="shared" si="46"/>
        <v>#DIV/0!</v>
      </c>
      <c r="F155" s="898" t="e">
        <f t="shared" si="46"/>
        <v>#DIV/0!</v>
      </c>
      <c r="G155" s="898" t="e">
        <f t="shared" si="46"/>
        <v>#DIV/0!</v>
      </c>
      <c r="H155" s="898" t="e">
        <f t="shared" si="46"/>
        <v>#DIV/0!</v>
      </c>
      <c r="I155" s="898" t="e">
        <f t="shared" si="46"/>
        <v>#DIV/0!</v>
      </c>
      <c r="J155" s="898" t="e">
        <f t="shared" si="46"/>
        <v>#DIV/0!</v>
      </c>
    </row>
    <row r="156" spans="1:10">
      <c r="A156" s="885">
        <f>A155+1</f>
        <v>106</v>
      </c>
      <c r="B156" s="468" t="str">
        <f>"Preferred Stock Capital Shares (Ln "&amp;A151&amp;" / Ln "&amp;A153&amp;")"</f>
        <v>Preferred Stock Capital Shares (Ln 102 / Ln 104)</v>
      </c>
      <c r="C156" s="898" t="e">
        <f t="shared" ref="C156:J156" si="47">C151/C153</f>
        <v>#DIV/0!</v>
      </c>
      <c r="D156" s="898"/>
      <c r="E156" s="898" t="e">
        <f t="shared" si="47"/>
        <v>#DIV/0!</v>
      </c>
      <c r="F156" s="898" t="e">
        <f t="shared" si="47"/>
        <v>#DIV/0!</v>
      </c>
      <c r="G156" s="898" t="e">
        <f t="shared" si="47"/>
        <v>#DIV/0!</v>
      </c>
      <c r="H156" s="898" t="e">
        <f t="shared" si="47"/>
        <v>#DIV/0!</v>
      </c>
      <c r="I156" s="898" t="e">
        <f t="shared" si="47"/>
        <v>#DIV/0!</v>
      </c>
      <c r="J156" s="898" t="e">
        <f t="shared" si="47"/>
        <v>#DIV/0!</v>
      </c>
    </row>
    <row r="157" spans="1:10">
      <c r="A157" s="899">
        <f>A156+1</f>
        <v>107</v>
      </c>
      <c r="B157" s="468" t="str">
        <f>"Common Equity Capital Shares (Ln "&amp;A152&amp;" / Ln "&amp;A153&amp;")"</f>
        <v>Common Equity Capital Shares (Ln 103 / Ln 104)</v>
      </c>
      <c r="C157" s="900" t="e">
        <f t="shared" ref="C157:J157" si="48">C152/C153</f>
        <v>#DIV/0!</v>
      </c>
      <c r="D157" s="900"/>
      <c r="E157" s="900" t="e">
        <f t="shared" si="48"/>
        <v>#DIV/0!</v>
      </c>
      <c r="F157" s="900" t="e">
        <f t="shared" si="48"/>
        <v>#DIV/0!</v>
      </c>
      <c r="G157" s="900" t="e">
        <f t="shared" si="48"/>
        <v>#DIV/0!</v>
      </c>
      <c r="H157" s="900" t="e">
        <f t="shared" si="48"/>
        <v>#DIV/0!</v>
      </c>
      <c r="I157" s="900" t="e">
        <f t="shared" si="48"/>
        <v>#DIV/0!</v>
      </c>
      <c r="J157" s="900" t="e">
        <f t="shared" si="48"/>
        <v>#DIV/0!</v>
      </c>
    </row>
    <row r="158" spans="1:10">
      <c r="A158" s="899"/>
      <c r="B158" s="468"/>
      <c r="C158" s="900"/>
      <c r="D158" s="900"/>
      <c r="E158" s="900"/>
      <c r="F158" s="900"/>
      <c r="G158" s="900"/>
      <c r="H158" s="900"/>
      <c r="I158" s="900"/>
      <c r="J158" s="900"/>
    </row>
    <row r="159" spans="1:10">
      <c r="A159" s="899">
        <f>A157+1</f>
        <v>108</v>
      </c>
      <c r="B159" s="848" t="s">
        <v>566</v>
      </c>
      <c r="C159" s="901"/>
      <c r="D159" s="901"/>
      <c r="E159" s="901"/>
      <c r="F159" s="901"/>
      <c r="G159" s="901"/>
      <c r="H159" s="901"/>
      <c r="I159" s="901"/>
      <c r="J159" s="901"/>
    </row>
    <row r="160" spans="1:10">
      <c r="A160" s="899"/>
      <c r="B160" s="468"/>
      <c r="C160" s="900"/>
      <c r="D160" s="900"/>
      <c r="E160" s="900"/>
      <c r="F160" s="900"/>
      <c r="G160" s="900"/>
      <c r="H160" s="900"/>
      <c r="I160" s="900"/>
      <c r="J160" s="900"/>
    </row>
    <row r="161" spans="1:10">
      <c r="A161" s="899">
        <f>A159+1</f>
        <v>109</v>
      </c>
      <c r="B161" s="848" t="s">
        <v>566</v>
      </c>
      <c r="C161" s="900"/>
      <c r="D161" s="900"/>
      <c r="E161" s="900"/>
      <c r="F161" s="900"/>
      <c r="G161" s="900"/>
      <c r="H161" s="900"/>
      <c r="I161" s="900"/>
      <c r="J161" s="900"/>
    </row>
    <row r="162" spans="1:10">
      <c r="A162" s="899">
        <f>A161+1</f>
        <v>110</v>
      </c>
      <c r="B162" s="848" t="s">
        <v>566</v>
      </c>
      <c r="C162" s="900"/>
      <c r="D162" s="900"/>
      <c r="E162" s="900"/>
      <c r="F162" s="900"/>
      <c r="G162" s="900"/>
      <c r="H162" s="900"/>
      <c r="I162" s="900"/>
      <c r="J162" s="900"/>
    </row>
    <row r="163" spans="1:10">
      <c r="A163" s="899">
        <f>A162+1</f>
        <v>111</v>
      </c>
      <c r="B163" s="848" t="s">
        <v>566</v>
      </c>
      <c r="C163" s="900"/>
      <c r="D163" s="900"/>
      <c r="E163" s="900"/>
      <c r="F163" s="900"/>
      <c r="G163" s="900"/>
      <c r="H163" s="900"/>
      <c r="I163" s="900"/>
      <c r="J163" s="900"/>
    </row>
    <row r="164" spans="1:10">
      <c r="B164" s="468"/>
      <c r="C164" s="898"/>
      <c r="D164" s="898"/>
      <c r="E164" s="898"/>
      <c r="F164" s="898"/>
      <c r="G164" s="898"/>
      <c r="H164" s="898"/>
      <c r="I164" s="898"/>
      <c r="J164" s="898"/>
    </row>
    <row r="165" spans="1:10" ht="15">
      <c r="A165" s="847" t="s">
        <v>537</v>
      </c>
    </row>
    <row r="166" spans="1:10">
      <c r="A166" s="885">
        <f>A163+1</f>
        <v>112</v>
      </c>
      <c r="B166" s="468" t="str">
        <f>"LTD Capital Cost Rate (Ln "&amp;A112&amp;" / Ln "&amp;A101&amp;")"</f>
        <v>LTD Capital Cost Rate (Ln 73 / Ln 65)</v>
      </c>
      <c r="C166" s="898" t="e">
        <f t="shared" ref="C166:J166" si="49">C112/C101</f>
        <v>#DIV/0!</v>
      </c>
      <c r="D166" s="898"/>
      <c r="E166" s="898" t="e">
        <f t="shared" si="49"/>
        <v>#DIV/0!</v>
      </c>
      <c r="F166" s="898" t="e">
        <f t="shared" si="49"/>
        <v>#DIV/0!</v>
      </c>
      <c r="G166" s="898" t="e">
        <f t="shared" si="49"/>
        <v>#DIV/0!</v>
      </c>
      <c r="H166" s="898" t="e">
        <f t="shared" si="49"/>
        <v>#DIV/0!</v>
      </c>
      <c r="I166" s="898" t="e">
        <f t="shared" si="49"/>
        <v>#DIV/0!</v>
      </c>
      <c r="J166" s="898" t="e">
        <f t="shared" si="49"/>
        <v>#DIV/0!</v>
      </c>
    </row>
    <row r="167" spans="1:10">
      <c r="A167" s="885">
        <f>A166+1</f>
        <v>113</v>
      </c>
      <c r="B167" s="468" t="str">
        <f>"Preferred Stock Capital Cost Rate (Ln "&amp;A140&amp;" / Ln "&amp;A139&amp;")"</f>
        <v>Preferred Stock Capital Cost Rate (Ln 95 / Ln 94)</v>
      </c>
      <c r="C167" s="898">
        <f t="shared" ref="C167:J167" si="50">IF(C139=0,0,C140/C139)</f>
        <v>0</v>
      </c>
      <c r="D167" s="898"/>
      <c r="E167" s="898">
        <f t="shared" si="50"/>
        <v>0</v>
      </c>
      <c r="F167" s="898">
        <f t="shared" si="50"/>
        <v>0</v>
      </c>
      <c r="G167" s="898">
        <f t="shared" si="50"/>
        <v>0</v>
      </c>
      <c r="H167" s="898">
        <f t="shared" si="50"/>
        <v>0</v>
      </c>
      <c r="I167" s="898">
        <f t="shared" si="50"/>
        <v>0</v>
      </c>
      <c r="J167" s="898">
        <f t="shared" si="50"/>
        <v>0</v>
      </c>
    </row>
    <row r="168" spans="1:10">
      <c r="A168" s="885">
        <f>A167+1</f>
        <v>114</v>
      </c>
      <c r="B168" s="468" t="s">
        <v>538</v>
      </c>
      <c r="C168" s="898">
        <v>0.1149</v>
      </c>
      <c r="D168" s="898"/>
      <c r="E168" s="898">
        <v>0.1149</v>
      </c>
      <c r="F168" s="898">
        <v>0.1149</v>
      </c>
      <c r="G168" s="898">
        <v>0.1149</v>
      </c>
      <c r="H168" s="898">
        <v>0.1149</v>
      </c>
      <c r="I168" s="898">
        <v>0.1149</v>
      </c>
      <c r="J168" s="898">
        <v>0.1149</v>
      </c>
    </row>
    <row r="170" spans="1:10" ht="15">
      <c r="A170" s="847" t="s">
        <v>539</v>
      </c>
    </row>
    <row r="171" spans="1:10">
      <c r="A171" s="885">
        <f>A168+1</f>
        <v>115</v>
      </c>
      <c r="B171" s="468" t="str">
        <f>"LTD Weighted Capital Cost Rate (Ln "&amp;A155&amp;" * Ln "&amp;A166&amp;")"</f>
        <v>LTD Weighted Capital Cost Rate (Ln 105 * Ln 112)</v>
      </c>
      <c r="C171" s="898" t="e">
        <f>C155*C166</f>
        <v>#DIV/0!</v>
      </c>
      <c r="D171" s="898"/>
      <c r="E171" s="898" t="e">
        <f t="shared" ref="E171:J171" si="51">E155*E166</f>
        <v>#DIV/0!</v>
      </c>
      <c r="F171" s="898" t="e">
        <f t="shared" si="51"/>
        <v>#DIV/0!</v>
      </c>
      <c r="G171" s="898" t="e">
        <f t="shared" si="51"/>
        <v>#DIV/0!</v>
      </c>
      <c r="H171" s="898" t="e">
        <f t="shared" si="51"/>
        <v>#DIV/0!</v>
      </c>
      <c r="I171" s="898" t="e">
        <f t="shared" si="51"/>
        <v>#DIV/0!</v>
      </c>
      <c r="J171" s="898" t="e">
        <f t="shared" si="51"/>
        <v>#DIV/0!</v>
      </c>
    </row>
    <row r="172" spans="1:10">
      <c r="A172" s="885">
        <f>A171+1</f>
        <v>116</v>
      </c>
      <c r="B172" s="468" t="str">
        <f>"Preferred Stock Capital Cost Rate (Ln "&amp;A156&amp;" * Ln "&amp;A167&amp;")"</f>
        <v>Preferred Stock Capital Cost Rate (Ln 106 * Ln 113)</v>
      </c>
      <c r="C172" s="898" t="e">
        <f>C156*C167</f>
        <v>#DIV/0!</v>
      </c>
      <c r="D172" s="898"/>
      <c r="E172" s="898" t="e">
        <f t="shared" ref="E172:J172" si="52">E156*E167</f>
        <v>#DIV/0!</v>
      </c>
      <c r="F172" s="898" t="e">
        <f t="shared" si="52"/>
        <v>#DIV/0!</v>
      </c>
      <c r="G172" s="898" t="e">
        <f t="shared" si="52"/>
        <v>#DIV/0!</v>
      </c>
      <c r="H172" s="898" t="e">
        <f t="shared" si="52"/>
        <v>#DIV/0!</v>
      </c>
      <c r="I172" s="898" t="e">
        <f t="shared" si="52"/>
        <v>#DIV/0!</v>
      </c>
      <c r="J172" s="898" t="e">
        <f t="shared" si="52"/>
        <v>#DIV/0!</v>
      </c>
    </row>
    <row r="173" spans="1:10">
      <c r="A173" s="885">
        <f>A172+1</f>
        <v>117</v>
      </c>
      <c r="B173" s="468" t="str">
        <f>"Common Equity Capital Cost Rate (Ln "&amp;A157&amp;" * Ln "&amp;A168&amp;")"</f>
        <v>Common Equity Capital Cost Rate (Ln 107 * Ln 114)</v>
      </c>
      <c r="C173" s="902" t="e">
        <f>C157*C168</f>
        <v>#DIV/0!</v>
      </c>
      <c r="D173" s="902"/>
      <c r="E173" s="902" t="e">
        <f t="shared" ref="E173:J173" si="53">E157*E168</f>
        <v>#DIV/0!</v>
      </c>
      <c r="F173" s="902" t="e">
        <f t="shared" si="53"/>
        <v>#DIV/0!</v>
      </c>
      <c r="G173" s="902" t="e">
        <f t="shared" si="53"/>
        <v>#DIV/0!</v>
      </c>
      <c r="H173" s="902" t="e">
        <f t="shared" si="53"/>
        <v>#DIV/0!</v>
      </c>
      <c r="I173" s="902" t="e">
        <f t="shared" si="53"/>
        <v>#DIV/0!</v>
      </c>
      <c r="J173" s="902" t="e">
        <f t="shared" si="53"/>
        <v>#DIV/0!</v>
      </c>
    </row>
    <row r="174" spans="1:10">
      <c r="A174" s="885">
        <f>A173+1</f>
        <v>118</v>
      </c>
      <c r="B174" s="903" t="s">
        <v>536</v>
      </c>
      <c r="C174" s="904" t="e">
        <f t="shared" ref="C174:J174" si="54">SUM(C171:C173)</f>
        <v>#DIV/0!</v>
      </c>
      <c r="D174" s="904"/>
      <c r="E174" s="904" t="e">
        <f t="shared" si="54"/>
        <v>#DIV/0!</v>
      </c>
      <c r="F174" s="904" t="e">
        <f t="shared" si="54"/>
        <v>#DIV/0!</v>
      </c>
      <c r="G174" s="904" t="e">
        <f t="shared" si="54"/>
        <v>#DIV/0!</v>
      </c>
      <c r="H174" s="904" t="e">
        <f t="shared" si="54"/>
        <v>#DIV/0!</v>
      </c>
      <c r="I174" s="904" t="e">
        <f t="shared" si="54"/>
        <v>#DIV/0!</v>
      </c>
      <c r="J174" s="904" t="e">
        <f t="shared" si="54"/>
        <v>#DIV/0!</v>
      </c>
    </row>
    <row r="177" spans="1:10">
      <c r="A177" s="1529" t="s">
        <v>515</v>
      </c>
      <c r="B177" s="1529"/>
      <c r="C177" s="1529"/>
      <c r="D177" s="1529"/>
      <c r="E177" s="1529"/>
      <c r="F177" s="1529"/>
      <c r="G177" s="1529"/>
      <c r="H177" s="1529"/>
      <c r="I177" s="1529"/>
      <c r="J177" s="1529"/>
    </row>
    <row r="178" spans="1:10">
      <c r="A178" s="1529" t="s">
        <v>540</v>
      </c>
      <c r="B178" s="1529"/>
      <c r="C178" s="1529"/>
      <c r="D178" s="1529"/>
      <c r="E178" s="1529"/>
      <c r="F178" s="1529"/>
      <c r="G178" s="1529"/>
      <c r="H178" s="1529"/>
      <c r="I178" s="1529"/>
      <c r="J178" s="1529"/>
    </row>
    <row r="179" spans="1:10">
      <c r="A179" s="1529" t="s">
        <v>258</v>
      </c>
      <c r="B179" s="1529"/>
      <c r="C179" s="1529"/>
      <c r="D179" s="1529"/>
      <c r="E179" s="1529"/>
      <c r="F179" s="1529"/>
      <c r="G179" s="1529"/>
      <c r="H179" s="1529"/>
      <c r="I179" s="1529"/>
      <c r="J179" s="1529"/>
    </row>
    <row r="181" spans="1:10" ht="76.5">
      <c r="A181" s="885" t="s">
        <v>469</v>
      </c>
      <c r="C181" s="886" t="s">
        <v>516</v>
      </c>
      <c r="D181" s="886"/>
      <c r="E181" s="886" t="s">
        <v>517</v>
      </c>
      <c r="F181" s="886" t="s">
        <v>518</v>
      </c>
      <c r="G181" s="886" t="s">
        <v>519</v>
      </c>
      <c r="H181" s="886" t="s">
        <v>520</v>
      </c>
      <c r="I181" s="886" t="s">
        <v>521</v>
      </c>
      <c r="J181" s="886" t="s">
        <v>522</v>
      </c>
    </row>
    <row r="182" spans="1:10" ht="15">
      <c r="A182" s="847" t="s">
        <v>541</v>
      </c>
    </row>
    <row r="183" spans="1:10">
      <c r="A183" s="885">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5">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5">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5">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5">
        <f>A186+1</f>
        <v>123</v>
      </c>
      <c r="B187" s="852" t="str">
        <f>"Less: Average Fair Value Hedges (See Note on Ln "&amp;A190&amp;" below)"</f>
        <v>Less: Average Fair Value Hedges (See Note on Ln 125 below)</v>
      </c>
      <c r="C187" s="905" t="e">
        <f t="shared" si="55"/>
        <v>#DIV/0!</v>
      </c>
      <c r="D187" s="905"/>
      <c r="E187" s="905" t="e">
        <f t="shared" si="55"/>
        <v>#DIV/0!</v>
      </c>
      <c r="F187" s="905" t="e">
        <f t="shared" si="55"/>
        <v>#DIV/0!</v>
      </c>
      <c r="G187" s="905" t="e">
        <f t="shared" si="55"/>
        <v>#DIV/0!</v>
      </c>
      <c r="H187" s="905" t="e">
        <f t="shared" si="55"/>
        <v>#DIV/0!</v>
      </c>
      <c r="I187" s="905" t="e">
        <f t="shared" si="55"/>
        <v>#DIV/0!</v>
      </c>
      <c r="J187" s="887" t="e">
        <f>SUM(C187:I187)</f>
        <v>#DIV/0!</v>
      </c>
    </row>
    <row r="188" spans="1:10">
      <c r="A188" s="885">
        <f>A187+1</f>
        <v>124</v>
      </c>
      <c r="B188" s="853" t="s">
        <v>542</v>
      </c>
      <c r="C188" s="888" t="e">
        <f t="shared" ref="C188:J188" si="56">C183-C184+C185+C186-C187</f>
        <v>#DIV/0!</v>
      </c>
      <c r="D188" s="888"/>
      <c r="E188" s="888" t="e">
        <f t="shared" si="56"/>
        <v>#DIV/0!</v>
      </c>
      <c r="F188" s="888" t="e">
        <f t="shared" si="56"/>
        <v>#DIV/0!</v>
      </c>
      <c r="G188" s="888" t="e">
        <f t="shared" si="56"/>
        <v>#DIV/0!</v>
      </c>
      <c r="H188" s="888" t="e">
        <f t="shared" si="56"/>
        <v>#DIV/0!</v>
      </c>
      <c r="I188" s="888" t="e">
        <f t="shared" si="56"/>
        <v>#DIV/0!</v>
      </c>
      <c r="J188" s="888" t="e">
        <f t="shared" si="56"/>
        <v>#DIV/0!</v>
      </c>
    </row>
    <row r="190" spans="1:10" s="899" customFormat="1">
      <c r="A190" s="899">
        <f>A188+1</f>
        <v>125</v>
      </c>
      <c r="B190" s="1528" t="s">
        <v>65</v>
      </c>
      <c r="C190" s="1528"/>
      <c r="D190" s="1528"/>
      <c r="E190" s="1528"/>
      <c r="F190" s="1528"/>
      <c r="G190" s="1528"/>
      <c r="H190" s="1528"/>
      <c r="I190" s="1528"/>
      <c r="J190" s="1528"/>
    </row>
    <row r="191" spans="1:10" s="899" customFormat="1">
      <c r="A191" s="906"/>
      <c r="B191" s="889"/>
      <c r="C191" s="889"/>
      <c r="D191" s="889"/>
      <c r="E191" s="889"/>
      <c r="F191" s="889"/>
      <c r="G191" s="889"/>
      <c r="H191" s="889"/>
      <c r="I191" s="889"/>
      <c r="J191" s="889"/>
    </row>
    <row r="192" spans="1:10" ht="15">
      <c r="A192" s="847" t="str">
        <f>"Development of "&amp;TCOS!O3&amp;" Long Term Debt Interest Expense"</f>
        <v>Development of   Long Term Debt Interest Expense</v>
      </c>
      <c r="B192" s="899"/>
      <c r="C192" s="899"/>
      <c r="D192" s="899"/>
      <c r="E192" s="899"/>
      <c r="F192" s="899"/>
      <c r="G192" s="899"/>
      <c r="H192" s="899"/>
      <c r="I192" s="899"/>
      <c r="J192" s="899"/>
    </row>
    <row r="193" spans="1:10">
      <c r="A193" s="899">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99">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99">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99">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899">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899">
        <f t="shared" si="59"/>
        <v>131</v>
      </c>
      <c r="B198" s="907" t="str">
        <f t="shared" si="60"/>
        <v>Less: Hedge Interest on pp 256-257(i)</v>
      </c>
      <c r="C198" s="905">
        <f>C24</f>
        <v>0</v>
      </c>
      <c r="D198" s="905"/>
      <c r="E198" s="905">
        <f t="shared" si="63"/>
        <v>0</v>
      </c>
      <c r="F198" s="905">
        <f t="shared" si="63"/>
        <v>0</v>
      </c>
      <c r="G198" s="905">
        <f t="shared" si="63"/>
        <v>0</v>
      </c>
      <c r="H198" s="905">
        <f t="shared" si="63"/>
        <v>0</v>
      </c>
      <c r="I198" s="905">
        <f t="shared" si="63"/>
        <v>0</v>
      </c>
      <c r="J198" s="887">
        <f t="shared" si="58"/>
        <v>0</v>
      </c>
    </row>
    <row r="199" spans="1:10">
      <c r="A199" s="899">
        <f t="shared" si="59"/>
        <v>132</v>
      </c>
      <c r="B199" s="908" t="str">
        <f>""&amp;TCOS!O3&amp;" LTD Interest Expense"</f>
        <v xml:space="preserve">  LTD Interest Expense</v>
      </c>
      <c r="C199" s="909">
        <f t="shared" ref="C199:J199" si="64">C193+C194+C195-C196-C197-C198</f>
        <v>0</v>
      </c>
      <c r="D199" s="909"/>
      <c r="E199" s="909">
        <f t="shared" si="64"/>
        <v>0</v>
      </c>
      <c r="F199" s="909">
        <f t="shared" si="64"/>
        <v>0</v>
      </c>
      <c r="G199" s="909">
        <f t="shared" si="64"/>
        <v>0</v>
      </c>
      <c r="H199" s="909">
        <f t="shared" si="64"/>
        <v>0</v>
      </c>
      <c r="I199" s="909">
        <f t="shared" si="64"/>
        <v>0</v>
      </c>
      <c r="J199" s="909">
        <f t="shared" si="64"/>
        <v>0</v>
      </c>
    </row>
    <row r="200" spans="1:10">
      <c r="A200" s="899"/>
      <c r="B200" s="899"/>
      <c r="C200" s="899"/>
      <c r="D200" s="899"/>
      <c r="E200" s="899"/>
      <c r="F200" s="899"/>
      <c r="G200" s="899"/>
      <c r="H200" s="899"/>
      <c r="I200" s="899"/>
      <c r="J200" s="899"/>
    </row>
    <row r="201" spans="1:10" ht="15">
      <c r="A201" s="847" t="str">
        <f>""&amp;TCOS!O3&amp;" Cost of Preferred Stock and Preferred Dividends"</f>
        <v xml:space="preserve">  Cost of Preferred Stock and Preferred Dividends</v>
      </c>
      <c r="B201" s="910"/>
      <c r="C201" s="910"/>
      <c r="D201" s="910"/>
      <c r="E201" s="910"/>
      <c r="F201" s="899"/>
      <c r="G201" s="899"/>
      <c r="H201" s="899"/>
      <c r="I201" s="899"/>
      <c r="J201" s="899"/>
    </row>
    <row r="202" spans="1:10">
      <c r="A202" s="899">
        <f>A199+1</f>
        <v>133</v>
      </c>
      <c r="B202" s="468" t="str">
        <f>"Average Balance of Preferred Stock (Ln "&amp;A52&amp;" + Ln "&amp;A139&amp;") / 2"</f>
        <v>Average Balance of Preferred Stock (Ln 35 + Ln 94) / 2</v>
      </c>
      <c r="C202" s="909">
        <f>AVERAGE(C52,C139)</f>
        <v>0</v>
      </c>
      <c r="D202" s="909"/>
      <c r="E202" s="909">
        <f t="shared" ref="E202:J202" si="65">AVERAGE(E52,E139)</f>
        <v>0</v>
      </c>
      <c r="F202" s="909">
        <f t="shared" si="65"/>
        <v>0</v>
      </c>
      <c r="G202" s="909">
        <f t="shared" si="65"/>
        <v>0</v>
      </c>
      <c r="H202" s="909">
        <f t="shared" si="65"/>
        <v>0</v>
      </c>
      <c r="I202" s="909">
        <f t="shared" si="65"/>
        <v>0</v>
      </c>
      <c r="J202" s="909">
        <f t="shared" si="65"/>
        <v>0</v>
      </c>
    </row>
    <row r="203" spans="1:10">
      <c r="A203" s="899">
        <f>A202+1</f>
        <v>134</v>
      </c>
      <c r="B203" s="468" t="str">
        <f>""&amp;TCOS!O3&amp;" Preferred Dividends (Ln "&amp;A53&amp;")"</f>
        <v xml:space="preserve">  Preferred Dividends (Ln 36)</v>
      </c>
      <c r="C203" s="909">
        <f>C53</f>
        <v>0</v>
      </c>
      <c r="D203" s="909"/>
      <c r="E203" s="909">
        <f t="shared" ref="E203:J203" si="66">E53</f>
        <v>0</v>
      </c>
      <c r="F203" s="909">
        <f t="shared" si="66"/>
        <v>0</v>
      </c>
      <c r="G203" s="909">
        <f t="shared" si="66"/>
        <v>0</v>
      </c>
      <c r="H203" s="909">
        <f t="shared" si="66"/>
        <v>0</v>
      </c>
      <c r="I203" s="909">
        <f t="shared" si="66"/>
        <v>0</v>
      </c>
      <c r="J203" s="909">
        <f t="shared" si="66"/>
        <v>0</v>
      </c>
    </row>
    <row r="204" spans="1:10">
      <c r="B204" s="906"/>
    </row>
    <row r="205" spans="1:10" ht="15">
      <c r="A205" s="847" t="s">
        <v>543</v>
      </c>
    </row>
    <row r="206" spans="1:10">
      <c r="A206" s="885">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2" t="e">
        <f>SUM(C206:I206)</f>
        <v>#DIV/0!</v>
      </c>
    </row>
    <row r="207" spans="1:10">
      <c r="A207" s="885">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2">
        <f>SUM(C207:I207)</f>
        <v>0</v>
      </c>
    </row>
    <row r="208" spans="1:10">
      <c r="A208" s="885">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2" t="e">
        <f>SUM(C208:I208)</f>
        <v>#DIV/0!</v>
      </c>
    </row>
    <row r="209" spans="1:12">
      <c r="A209" s="885">
        <f>A208+1</f>
        <v>138</v>
      </c>
      <c r="B209" s="666" t="str">
        <f>"Less: Average Account 219.1 (Ln "&amp;A59&amp;" + Ln "&amp;A146&amp;") / 2"</f>
        <v>Less: Average Account 219.1 (Ln 40 + Ln 99) / 2</v>
      </c>
      <c r="C209" s="905" t="e">
        <f t="shared" si="69"/>
        <v>#DIV/0!</v>
      </c>
      <c r="D209" s="905"/>
      <c r="E209" s="905" t="e">
        <f t="shared" si="69"/>
        <v>#DIV/0!</v>
      </c>
      <c r="F209" s="905" t="e">
        <f t="shared" si="69"/>
        <v>#DIV/0!</v>
      </c>
      <c r="G209" s="905" t="e">
        <f t="shared" si="69"/>
        <v>#DIV/0!</v>
      </c>
      <c r="H209" s="905" t="e">
        <f t="shared" si="69"/>
        <v>#DIV/0!</v>
      </c>
      <c r="I209" s="905" t="e">
        <f t="shared" si="69"/>
        <v>#DIV/0!</v>
      </c>
      <c r="J209" s="897" t="e">
        <f>SUM(C209:I209)</f>
        <v>#DIV/0!</v>
      </c>
    </row>
    <row r="210" spans="1:12">
      <c r="A210" s="885">
        <f>A209+1</f>
        <v>139</v>
      </c>
      <c r="B210" s="849" t="s">
        <v>339</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35</v>
      </c>
    </row>
    <row r="213" spans="1:12">
      <c r="A213" s="885">
        <f>A210+1</f>
        <v>140</v>
      </c>
      <c r="B213" s="468" t="str">
        <f>"Average Balance of Long Term Debt (Ln "&amp;A188&amp;" Above)"</f>
        <v>Average Balance of Long Term Debt (Ln 124 Above)</v>
      </c>
      <c r="C213" s="892" t="e">
        <f t="shared" ref="C213:J213" si="71">C188</f>
        <v>#DIV/0!</v>
      </c>
      <c r="D213" s="892"/>
      <c r="E213" s="892" t="e">
        <f t="shared" si="71"/>
        <v>#DIV/0!</v>
      </c>
      <c r="F213" s="892" t="e">
        <f t="shared" si="71"/>
        <v>#DIV/0!</v>
      </c>
      <c r="G213" s="892" t="e">
        <f t="shared" si="71"/>
        <v>#DIV/0!</v>
      </c>
      <c r="H213" s="892" t="e">
        <f t="shared" si="71"/>
        <v>#DIV/0!</v>
      </c>
      <c r="I213" s="892" t="e">
        <f t="shared" si="71"/>
        <v>#DIV/0!</v>
      </c>
      <c r="J213" s="892" t="e">
        <f t="shared" si="71"/>
        <v>#DIV/0!</v>
      </c>
    </row>
    <row r="214" spans="1:12">
      <c r="A214" s="885">
        <f>A213+1</f>
        <v>141</v>
      </c>
      <c r="B214" s="468" t="str">
        <f>"Average Balance of Preferred Stock (Ln "&amp;A202&amp;" Above)"</f>
        <v>Average Balance of Preferred Stock (Ln 133 Above)</v>
      </c>
      <c r="C214" s="892">
        <f t="shared" ref="C214:J214" si="72">C202</f>
        <v>0</v>
      </c>
      <c r="D214" s="892"/>
      <c r="E214" s="892">
        <f t="shared" si="72"/>
        <v>0</v>
      </c>
      <c r="F214" s="892">
        <f t="shared" si="72"/>
        <v>0</v>
      </c>
      <c r="G214" s="892">
        <f t="shared" si="72"/>
        <v>0</v>
      </c>
      <c r="H214" s="892">
        <f t="shared" si="72"/>
        <v>0</v>
      </c>
      <c r="I214" s="892">
        <f t="shared" si="72"/>
        <v>0</v>
      </c>
      <c r="J214" s="892">
        <f t="shared" si="72"/>
        <v>0</v>
      </c>
    </row>
    <row r="215" spans="1:12">
      <c r="A215" s="885">
        <f>A214+1</f>
        <v>142</v>
      </c>
      <c r="B215" s="468" t="str">
        <f>"Average Balance of Common Equity (Ln "&amp;A210&amp;" Above)"</f>
        <v>Average Balance of Common Equity (Ln 139 Above)</v>
      </c>
      <c r="C215" s="897" t="e">
        <f t="shared" ref="C215:J215" si="73">C210</f>
        <v>#DIV/0!</v>
      </c>
      <c r="D215" s="897"/>
      <c r="E215" s="897" t="e">
        <f t="shared" si="73"/>
        <v>#DIV/0!</v>
      </c>
      <c r="F215" s="897" t="e">
        <f t="shared" si="73"/>
        <v>#DIV/0!</v>
      </c>
      <c r="G215" s="897" t="e">
        <f t="shared" si="73"/>
        <v>#DIV/0!</v>
      </c>
      <c r="H215" s="897" t="e">
        <f t="shared" si="73"/>
        <v>#DIV/0!</v>
      </c>
      <c r="I215" s="897" t="e">
        <f t="shared" si="73"/>
        <v>#DIV/0!</v>
      </c>
      <c r="J215" s="897" t="e">
        <f t="shared" si="73"/>
        <v>#DIV/0!</v>
      </c>
    </row>
    <row r="216" spans="1:12">
      <c r="A216" s="885">
        <f>A215+1</f>
        <v>143</v>
      </c>
      <c r="B216" s="885" t="s">
        <v>544</v>
      </c>
      <c r="C216" s="892" t="e">
        <f t="shared" ref="C216:J216" si="74">SUM(C213:C215)</f>
        <v>#DIV/0!</v>
      </c>
      <c r="D216" s="892"/>
      <c r="E216" s="892" t="e">
        <f t="shared" si="74"/>
        <v>#DIV/0!</v>
      </c>
      <c r="F216" s="892" t="e">
        <f t="shared" si="74"/>
        <v>#DIV/0!</v>
      </c>
      <c r="G216" s="892" t="e">
        <f t="shared" si="74"/>
        <v>#DIV/0!</v>
      </c>
      <c r="H216" s="892" t="e">
        <f t="shared" si="74"/>
        <v>#DIV/0!</v>
      </c>
      <c r="I216" s="892" t="e">
        <f t="shared" si="74"/>
        <v>#DIV/0!</v>
      </c>
      <c r="J216" s="892" t="e">
        <f t="shared" si="74"/>
        <v>#DIV/0!</v>
      </c>
      <c r="L216" s="911"/>
    </row>
    <row r="218" spans="1:12">
      <c r="A218" s="885">
        <f>A216+1</f>
        <v>144</v>
      </c>
      <c r="B218" s="468" t="str">
        <f>"Average Balance of LTD Capital Shares (Ln "&amp;A213&amp;" / Ln "&amp;A216&amp;")"</f>
        <v>Average Balance of LTD Capital Shares (Ln 140 / Ln 143)</v>
      </c>
      <c r="C218" s="898" t="e">
        <f t="shared" ref="C218:I218" si="75">C213/C216</f>
        <v>#DIV/0!</v>
      </c>
      <c r="D218" s="898"/>
      <c r="E218" s="898" t="e">
        <f t="shared" si="75"/>
        <v>#DIV/0!</v>
      </c>
      <c r="F218" s="898" t="e">
        <f t="shared" si="75"/>
        <v>#DIV/0!</v>
      </c>
      <c r="G218" s="898" t="e">
        <f t="shared" si="75"/>
        <v>#DIV/0!</v>
      </c>
      <c r="H218" s="898" t="e">
        <f t="shared" si="75"/>
        <v>#DIV/0!</v>
      </c>
      <c r="I218" s="898" t="e">
        <f t="shared" si="75"/>
        <v>#DIV/0!</v>
      </c>
      <c r="J218" s="898" t="e">
        <f>J213/J216</f>
        <v>#DIV/0!</v>
      </c>
    </row>
    <row r="219" spans="1:12">
      <c r="A219" s="885">
        <f>A218+1</f>
        <v>145</v>
      </c>
      <c r="B219" s="468" t="str">
        <f>"Average Balance of Preferred Stock Capital Shares (Ln "&amp;A214&amp;" / Ln "&amp;A216&amp;")"</f>
        <v>Average Balance of Preferred Stock Capital Shares (Ln 141 / Ln 143)</v>
      </c>
      <c r="C219" s="898" t="e">
        <f t="shared" ref="C219:I219" si="76">C214/C216</f>
        <v>#DIV/0!</v>
      </c>
      <c r="D219" s="898"/>
      <c r="E219" s="898" t="e">
        <f t="shared" si="76"/>
        <v>#DIV/0!</v>
      </c>
      <c r="F219" s="898" t="e">
        <f t="shared" si="76"/>
        <v>#DIV/0!</v>
      </c>
      <c r="G219" s="898" t="e">
        <f t="shared" si="76"/>
        <v>#DIV/0!</v>
      </c>
      <c r="H219" s="898" t="e">
        <f t="shared" si="76"/>
        <v>#DIV/0!</v>
      </c>
      <c r="I219" s="898" t="e">
        <f t="shared" si="76"/>
        <v>#DIV/0!</v>
      </c>
      <c r="J219" s="898" t="e">
        <f>J214/J216</f>
        <v>#DIV/0!</v>
      </c>
    </row>
    <row r="220" spans="1:12">
      <c r="A220" s="899">
        <f>A219+1</f>
        <v>146</v>
      </c>
      <c r="B220" s="468" t="str">
        <f>"Average Balance of Common Equity Capital Shares (Ln "&amp;A215&amp;" / Ln "&amp;A216&amp;")"</f>
        <v>Average Balance of Common Equity Capital Shares (Ln 142 / Ln 143)</v>
      </c>
      <c r="C220" s="900" t="e">
        <f t="shared" ref="C220:I220" si="77">C215/C216</f>
        <v>#DIV/0!</v>
      </c>
      <c r="D220" s="900"/>
      <c r="E220" s="900" t="e">
        <f t="shared" si="77"/>
        <v>#DIV/0!</v>
      </c>
      <c r="F220" s="900" t="e">
        <f t="shared" si="77"/>
        <v>#DIV/0!</v>
      </c>
      <c r="G220" s="900" t="e">
        <f t="shared" si="77"/>
        <v>#DIV/0!</v>
      </c>
      <c r="H220" s="900" t="e">
        <f t="shared" si="77"/>
        <v>#DIV/0!</v>
      </c>
      <c r="I220" s="900" t="e">
        <f t="shared" si="77"/>
        <v>#DIV/0!</v>
      </c>
      <c r="J220" s="900" t="e">
        <f>J215/J216</f>
        <v>#DIV/0!</v>
      </c>
    </row>
    <row r="221" spans="1:12">
      <c r="A221" s="899"/>
      <c r="B221" s="468"/>
      <c r="C221" s="900"/>
      <c r="D221" s="900"/>
      <c r="E221" s="900"/>
      <c r="F221" s="900"/>
      <c r="G221" s="900"/>
      <c r="H221" s="900"/>
      <c r="I221" s="900"/>
      <c r="J221" s="900"/>
    </row>
    <row r="222" spans="1:12">
      <c r="A222" s="899">
        <f>A220+1</f>
        <v>147</v>
      </c>
      <c r="B222" s="848" t="s">
        <v>566</v>
      </c>
      <c r="C222" s="900"/>
      <c r="D222" s="900"/>
      <c r="E222" s="900"/>
      <c r="F222" s="900"/>
      <c r="G222" s="900"/>
      <c r="H222" s="900"/>
      <c r="I222" s="900"/>
      <c r="J222" s="900"/>
    </row>
    <row r="223" spans="1:12">
      <c r="A223" s="899"/>
      <c r="B223" s="468"/>
      <c r="C223" s="900"/>
      <c r="D223" s="900"/>
      <c r="E223" s="900"/>
      <c r="F223" s="900"/>
      <c r="G223" s="900"/>
      <c r="H223" s="900"/>
      <c r="I223" s="900"/>
      <c r="J223" s="900"/>
    </row>
    <row r="224" spans="1:12">
      <c r="A224" s="899">
        <f>A222+1</f>
        <v>148</v>
      </c>
      <c r="B224" s="848" t="s">
        <v>566</v>
      </c>
      <c r="C224" s="900"/>
      <c r="D224" s="900"/>
      <c r="E224" s="900"/>
      <c r="F224" s="900"/>
      <c r="G224" s="900"/>
      <c r="H224" s="900"/>
      <c r="I224" s="900"/>
      <c r="J224" s="900"/>
    </row>
    <row r="225" spans="1:10">
      <c r="A225" s="899">
        <f>A224+1</f>
        <v>149</v>
      </c>
      <c r="B225" s="848" t="s">
        <v>566</v>
      </c>
      <c r="C225" s="900"/>
      <c r="D225" s="900"/>
      <c r="E225" s="900"/>
      <c r="F225" s="900"/>
      <c r="G225" s="900"/>
      <c r="H225" s="900"/>
      <c r="I225" s="900"/>
      <c r="J225" s="900"/>
    </row>
    <row r="226" spans="1:10">
      <c r="A226" s="899">
        <f>A225+1</f>
        <v>150</v>
      </c>
      <c r="B226" s="848" t="s">
        <v>566</v>
      </c>
      <c r="C226" s="900"/>
      <c r="D226" s="900"/>
      <c r="E226" s="900"/>
      <c r="F226" s="900"/>
      <c r="G226" s="900"/>
      <c r="H226" s="900"/>
      <c r="I226" s="900"/>
      <c r="J226" s="900"/>
    </row>
    <row r="227" spans="1:10">
      <c r="A227" s="899"/>
      <c r="B227" s="468"/>
      <c r="C227" s="900"/>
      <c r="D227" s="900"/>
      <c r="E227" s="900"/>
      <c r="F227" s="900"/>
      <c r="G227" s="900"/>
      <c r="H227" s="900"/>
      <c r="I227" s="900"/>
      <c r="J227" s="900"/>
    </row>
    <row r="228" spans="1:10" ht="15">
      <c r="A228" s="847" t="s">
        <v>537</v>
      </c>
      <c r="B228" s="899"/>
      <c r="C228" s="899"/>
      <c r="D228" s="899"/>
      <c r="E228" s="899"/>
      <c r="F228" s="899"/>
      <c r="G228" s="899"/>
      <c r="H228" s="899"/>
      <c r="I228" s="899"/>
      <c r="J228" s="899"/>
    </row>
    <row r="229" spans="1:10">
      <c r="A229" s="899">
        <f>A226+1</f>
        <v>151</v>
      </c>
      <c r="B229" s="468" t="str">
        <f>"LTD Capital Cost Rate (Ln "&amp;A199&amp;" / Ln "&amp;A188&amp;")"</f>
        <v>LTD Capital Cost Rate (Ln 132 / Ln 124)</v>
      </c>
      <c r="C229" s="900" t="e">
        <f t="shared" ref="C229:J229" si="78">C199/C188</f>
        <v>#DIV/0!</v>
      </c>
      <c r="D229" s="900"/>
      <c r="E229" s="900" t="e">
        <f t="shared" si="78"/>
        <v>#DIV/0!</v>
      </c>
      <c r="F229" s="900" t="e">
        <f t="shared" si="78"/>
        <v>#DIV/0!</v>
      </c>
      <c r="G229" s="900" t="e">
        <f t="shared" si="78"/>
        <v>#DIV/0!</v>
      </c>
      <c r="H229" s="900" t="e">
        <f t="shared" si="78"/>
        <v>#DIV/0!</v>
      </c>
      <c r="I229" s="900" t="e">
        <f t="shared" si="78"/>
        <v>#DIV/0!</v>
      </c>
      <c r="J229" s="900" t="e">
        <f t="shared" si="78"/>
        <v>#DIV/0!</v>
      </c>
    </row>
    <row r="230" spans="1:10">
      <c r="A230" s="899">
        <f>A229+1</f>
        <v>152</v>
      </c>
      <c r="B230" s="468" t="str">
        <f>"Preferred Stock Capital Cost Rate (Ln "&amp;A203&amp;" / Ln "&amp;A202&amp;")"</f>
        <v>Preferred Stock Capital Cost Rate (Ln 134 / Ln 133)</v>
      </c>
      <c r="C230" s="900">
        <f t="shared" ref="C230:J230" si="79">IF(C202=0,0,C203/C202)</f>
        <v>0</v>
      </c>
      <c r="D230" s="900"/>
      <c r="E230" s="900">
        <f t="shared" si="79"/>
        <v>0</v>
      </c>
      <c r="F230" s="900">
        <f t="shared" si="79"/>
        <v>0</v>
      </c>
      <c r="G230" s="900">
        <f t="shared" si="79"/>
        <v>0</v>
      </c>
      <c r="H230" s="900">
        <f t="shared" si="79"/>
        <v>0</v>
      </c>
      <c r="I230" s="900">
        <f t="shared" si="79"/>
        <v>0</v>
      </c>
      <c r="J230" s="900">
        <f t="shared" si="79"/>
        <v>0</v>
      </c>
    </row>
    <row r="231" spans="1:10">
      <c r="A231" s="899">
        <f>A230+1</f>
        <v>153</v>
      </c>
      <c r="B231" s="468" t="s">
        <v>538</v>
      </c>
      <c r="C231" s="900">
        <v>0.1149</v>
      </c>
      <c r="D231" s="900"/>
      <c r="E231" s="900">
        <v>0.1149</v>
      </c>
      <c r="F231" s="900">
        <v>0.1149</v>
      </c>
      <c r="G231" s="900">
        <v>0.1149</v>
      </c>
      <c r="H231" s="900">
        <v>0.1149</v>
      </c>
      <c r="I231" s="900">
        <v>0.1149</v>
      </c>
      <c r="J231" s="900">
        <v>0.1149</v>
      </c>
    </row>
    <row r="232" spans="1:10">
      <c r="A232" s="899"/>
      <c r="B232" s="899"/>
      <c r="C232" s="899"/>
      <c r="D232" s="899"/>
      <c r="E232" s="899"/>
      <c r="F232" s="899"/>
      <c r="G232" s="899"/>
      <c r="H232" s="899"/>
      <c r="I232" s="899"/>
      <c r="J232" s="899"/>
    </row>
    <row r="233" spans="1:10" ht="15">
      <c r="A233" s="847" t="s">
        <v>539</v>
      </c>
      <c r="B233" s="899"/>
      <c r="C233" s="899"/>
      <c r="D233" s="899"/>
      <c r="E233" s="899"/>
      <c r="F233" s="899"/>
      <c r="G233" s="899"/>
      <c r="H233" s="899"/>
      <c r="I233" s="899"/>
      <c r="J233" s="899"/>
    </row>
    <row r="234" spans="1:10">
      <c r="A234" s="899">
        <f>A231+1</f>
        <v>154</v>
      </c>
      <c r="B234" s="468" t="str">
        <f>"LTD Weighted Capital Cost Rate (Ln "&amp;A218&amp;" * Ln "&amp;A229&amp;")"</f>
        <v>LTD Weighted Capital Cost Rate (Ln 144 * Ln 151)</v>
      </c>
      <c r="C234" s="900" t="e">
        <f>C218*C229</f>
        <v>#DIV/0!</v>
      </c>
      <c r="D234" s="900"/>
      <c r="E234" s="900" t="e">
        <f t="shared" ref="E234:J234" si="80">E218*E229</f>
        <v>#DIV/0!</v>
      </c>
      <c r="F234" s="900" t="e">
        <f t="shared" si="80"/>
        <v>#DIV/0!</v>
      </c>
      <c r="G234" s="900" t="e">
        <f t="shared" si="80"/>
        <v>#DIV/0!</v>
      </c>
      <c r="H234" s="900" t="e">
        <f t="shared" si="80"/>
        <v>#DIV/0!</v>
      </c>
      <c r="I234" s="900" t="e">
        <f t="shared" si="80"/>
        <v>#DIV/0!</v>
      </c>
      <c r="J234" s="900" t="e">
        <f t="shared" si="80"/>
        <v>#DIV/0!</v>
      </c>
    </row>
    <row r="235" spans="1:10">
      <c r="A235" s="899">
        <f>A234+1</f>
        <v>155</v>
      </c>
      <c r="B235" s="468" t="str">
        <f>"Preferred Stock Capital Cost Rate (Ln "&amp;A219&amp;" * Ln "&amp;A230&amp;")"</f>
        <v>Preferred Stock Capital Cost Rate (Ln 145 * Ln 152)</v>
      </c>
      <c r="C235" s="900" t="e">
        <f>C219*C230</f>
        <v>#DIV/0!</v>
      </c>
      <c r="D235" s="900"/>
      <c r="E235" s="900" t="e">
        <f t="shared" ref="E235:J235" si="81">E219*E230</f>
        <v>#DIV/0!</v>
      </c>
      <c r="F235" s="900" t="e">
        <f t="shared" si="81"/>
        <v>#DIV/0!</v>
      </c>
      <c r="G235" s="900" t="e">
        <f t="shared" si="81"/>
        <v>#DIV/0!</v>
      </c>
      <c r="H235" s="900" t="e">
        <f t="shared" si="81"/>
        <v>#DIV/0!</v>
      </c>
      <c r="I235" s="900" t="e">
        <f t="shared" si="81"/>
        <v>#DIV/0!</v>
      </c>
      <c r="J235" s="900" t="e">
        <f t="shared" si="81"/>
        <v>#DIV/0!</v>
      </c>
    </row>
    <row r="236" spans="1:10">
      <c r="A236" s="899">
        <f>A235+1</f>
        <v>156</v>
      </c>
      <c r="B236" s="468" t="str">
        <f>"Common Equity Capital Cost Rate (Ln "&amp;A220&amp;" * Ln "&amp;A231&amp;")"</f>
        <v>Common Equity Capital Cost Rate (Ln 146 * Ln 153)</v>
      </c>
      <c r="C236" s="912" t="e">
        <f>C220*C231</f>
        <v>#DIV/0!</v>
      </c>
      <c r="D236" s="912"/>
      <c r="E236" s="912" t="e">
        <f t="shared" ref="E236:J236" si="82">E220*E231</f>
        <v>#DIV/0!</v>
      </c>
      <c r="F236" s="912" t="e">
        <f t="shared" si="82"/>
        <v>#DIV/0!</v>
      </c>
      <c r="G236" s="912" t="e">
        <f t="shared" si="82"/>
        <v>#DIV/0!</v>
      </c>
      <c r="H236" s="912" t="e">
        <f t="shared" si="82"/>
        <v>#DIV/0!</v>
      </c>
      <c r="I236" s="912" t="e">
        <f t="shared" si="82"/>
        <v>#DIV/0!</v>
      </c>
      <c r="J236" s="912" t="e">
        <f t="shared" si="82"/>
        <v>#DIV/0!</v>
      </c>
    </row>
    <row r="237" spans="1:10">
      <c r="A237" s="899">
        <f>A236+1</f>
        <v>157</v>
      </c>
      <c r="B237" s="908" t="s">
        <v>69</v>
      </c>
      <c r="C237" s="913" t="e">
        <f t="shared" ref="C237:J237" si="83">SUM(C234:C236)</f>
        <v>#DIV/0!</v>
      </c>
      <c r="D237" s="913"/>
      <c r="E237" s="913" t="e">
        <f t="shared" si="83"/>
        <v>#DIV/0!</v>
      </c>
      <c r="F237" s="913" t="e">
        <f t="shared" si="83"/>
        <v>#DIV/0!</v>
      </c>
      <c r="G237" s="913" t="e">
        <f t="shared" si="83"/>
        <v>#DIV/0!</v>
      </c>
      <c r="H237" s="913" t="e">
        <f t="shared" si="83"/>
        <v>#DIV/0!</v>
      </c>
      <c r="I237" s="913" t="e">
        <f t="shared" si="83"/>
        <v>#DIV/0!</v>
      </c>
      <c r="J237" s="913" t="e">
        <f t="shared" si="83"/>
        <v>#DIV/0!</v>
      </c>
    </row>
    <row r="238" spans="1:10">
      <c r="A238" s="899"/>
      <c r="B238" s="906"/>
      <c r="C238" s="899"/>
      <c r="D238" s="899"/>
      <c r="E238" s="899"/>
      <c r="F238" s="899"/>
      <c r="G238" s="899"/>
      <c r="H238" s="899"/>
      <c r="I238" s="899"/>
      <c r="J238" s="899"/>
    </row>
    <row r="239" spans="1:10">
      <c r="A239" s="899"/>
      <c r="B239" s="899"/>
      <c r="C239" s="899"/>
      <c r="D239" s="899"/>
      <c r="E239" s="899"/>
      <c r="F239" s="899"/>
      <c r="G239" s="899"/>
      <c r="H239" s="899"/>
      <c r="I239" s="899"/>
      <c r="J239" s="899"/>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1" sqref="B11"/>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31" t="s">
        <v>618</v>
      </c>
      <c r="C1" s="1531"/>
      <c r="D1" s="1531"/>
      <c r="E1" s="1531"/>
      <c r="F1" s="1531"/>
      <c r="G1" s="1531"/>
      <c r="H1" s="1531"/>
      <c r="I1" s="1531"/>
      <c r="J1" s="1531"/>
      <c r="K1" s="1531"/>
      <c r="L1" s="1531"/>
    </row>
    <row r="2" spans="2:12" ht="15.75">
      <c r="B2" s="1530" t="s">
        <v>565</v>
      </c>
      <c r="C2" s="1530"/>
      <c r="D2" s="1530"/>
      <c r="E2" s="1530"/>
      <c r="F2" s="1530"/>
      <c r="G2" s="1530"/>
      <c r="H2" s="1530"/>
      <c r="I2" s="1530"/>
      <c r="J2" s="1530"/>
      <c r="K2" s="1530"/>
      <c r="L2" s="1530"/>
    </row>
    <row r="3" spans="2:12" ht="15.75">
      <c r="B3" s="1530" t="s">
        <v>595</v>
      </c>
      <c r="C3" s="1530"/>
      <c r="D3" s="1530"/>
      <c r="E3" s="1530"/>
      <c r="F3" s="1530"/>
      <c r="G3" s="1530"/>
      <c r="H3" s="1530"/>
      <c r="I3" s="1530"/>
      <c r="J3" s="1530"/>
      <c r="K3" s="1530"/>
      <c r="L3" s="1530"/>
    </row>
    <row r="4" spans="2:12" ht="15.75">
      <c r="B4" s="393"/>
      <c r="C4" s="393"/>
      <c r="D4" s="393"/>
      <c r="E4" s="1530"/>
      <c r="F4" s="1530"/>
      <c r="G4" s="1530"/>
      <c r="H4" s="1530"/>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19"/>
      <c r="C7" s="920"/>
      <c r="D7" s="920"/>
      <c r="E7" s="920"/>
      <c r="F7" s="920"/>
      <c r="G7" s="920"/>
      <c r="H7" s="920"/>
      <c r="I7" s="920"/>
      <c r="J7" s="920"/>
      <c r="K7" s="920"/>
      <c r="L7" s="920"/>
    </row>
    <row r="8" spans="2:12" ht="63">
      <c r="B8" s="921" t="str">
        <f>"Reconciliation Revenue Requirement For Year 2019 Available May 25, 2020"</f>
        <v>Reconciliation Revenue Requirement For Year 2019 Available May 25, 2020</v>
      </c>
      <c r="C8" s="920"/>
      <c r="D8" s="920"/>
      <c r="E8" s="921" t="s">
        <v>922</v>
      </c>
      <c r="F8" s="920"/>
      <c r="G8" s="920"/>
      <c r="H8" s="393"/>
      <c r="I8" s="921" t="s">
        <v>567</v>
      </c>
      <c r="J8" s="393"/>
      <c r="K8" s="393"/>
      <c r="L8" s="393"/>
    </row>
    <row r="9" spans="2:12" ht="15.75">
      <c r="B9" s="922" t="s">
        <v>416</v>
      </c>
      <c r="C9" s="920"/>
      <c r="D9" s="920"/>
      <c r="E9" s="922"/>
      <c r="F9" s="920"/>
      <c r="G9" s="920"/>
      <c r="H9" s="393"/>
      <c r="I9" s="923"/>
      <c r="J9" s="393"/>
      <c r="K9" s="393"/>
      <c r="L9" s="393"/>
    </row>
    <row r="10" spans="2:12" ht="16.5" thickBot="1">
      <c r="B10" s="918">
        <v>185721657.26270103</v>
      </c>
      <c r="C10" s="924" t="str">
        <f>"-"</f>
        <v>-</v>
      </c>
      <c r="D10" s="925"/>
      <c r="E10" s="918">
        <v>206917496.81735289</v>
      </c>
      <c r="F10" s="926"/>
      <c r="G10" s="927" t="str">
        <f>"="</f>
        <v>=</v>
      </c>
      <c r="H10" s="928"/>
      <c r="I10" s="929">
        <f>IF(B10=0,0,E10-B10)</f>
        <v>21195839.554651856</v>
      </c>
      <c r="J10" s="393"/>
      <c r="K10" s="393"/>
      <c r="L10" s="393"/>
    </row>
    <row r="11" spans="2:12" ht="15.75">
      <c r="B11" s="930"/>
      <c r="C11" s="931"/>
      <c r="D11" s="931"/>
      <c r="E11" s="930"/>
      <c r="F11" s="930"/>
      <c r="G11" s="931"/>
      <c r="H11" s="930"/>
      <c r="I11" s="393"/>
      <c r="J11" s="393"/>
      <c r="K11" s="393"/>
      <c r="L11" s="393"/>
    </row>
    <row r="12" spans="2:12" ht="16.5" thickBot="1">
      <c r="B12" s="932"/>
      <c r="C12" s="933"/>
      <c r="D12" s="933"/>
      <c r="E12" s="932"/>
      <c r="F12" s="932"/>
      <c r="G12" s="933"/>
      <c r="H12" s="932"/>
      <c r="I12" s="934"/>
      <c r="J12" s="934"/>
      <c r="K12" s="934"/>
      <c r="L12" s="934"/>
    </row>
    <row r="13" spans="2:12" ht="15.75">
      <c r="B13" s="935"/>
      <c r="C13" s="931"/>
      <c r="D13" s="931"/>
      <c r="E13" s="930"/>
      <c r="F13" s="930"/>
      <c r="G13" s="931"/>
      <c r="H13" s="930"/>
      <c r="I13" s="393"/>
      <c r="J13" s="393"/>
      <c r="K13" s="393"/>
      <c r="L13" s="393"/>
    </row>
    <row r="14" spans="2:12" ht="47.25">
      <c r="B14" s="936" t="s">
        <v>624</v>
      </c>
      <c r="C14" s="931"/>
      <c r="D14" s="931"/>
      <c r="E14" s="937" t="s">
        <v>568</v>
      </c>
      <c r="F14" s="930"/>
      <c r="G14" s="937" t="s">
        <v>569</v>
      </c>
      <c r="H14" s="938" t="s">
        <v>570</v>
      </c>
      <c r="I14" s="939" t="s">
        <v>571</v>
      </c>
      <c r="J14" s="937" t="s">
        <v>572</v>
      </c>
      <c r="K14" s="940"/>
      <c r="L14" s="937" t="s">
        <v>573</v>
      </c>
    </row>
    <row r="15" spans="2:12" ht="15.75">
      <c r="B15" s="936" t="s">
        <v>831</v>
      </c>
      <c r="C15" s="931"/>
      <c r="D15" s="931"/>
      <c r="E15" s="393"/>
      <c r="F15" s="941"/>
      <c r="G15" s="954">
        <v>4.1949999999999999E-3</v>
      </c>
      <c r="I15" s="393"/>
      <c r="J15" s="393"/>
      <c r="K15" s="393"/>
      <c r="L15" s="393"/>
    </row>
    <row r="16" spans="2:12" ht="15.75">
      <c r="B16" s="936"/>
      <c r="C16" s="931"/>
      <c r="D16" s="931"/>
      <c r="E16" s="393"/>
      <c r="F16" s="941"/>
      <c r="G16" s="941"/>
      <c r="H16" s="930"/>
      <c r="I16" s="393"/>
      <c r="J16" s="393"/>
      <c r="K16" s="393"/>
      <c r="L16" s="393"/>
    </row>
    <row r="17" spans="2:12" ht="15.75">
      <c r="B17" s="936" t="s">
        <v>843</v>
      </c>
      <c r="C17" s="931"/>
      <c r="D17" s="931"/>
      <c r="E17" s="393"/>
      <c r="F17" s="941"/>
      <c r="G17" s="941"/>
      <c r="H17" s="930"/>
      <c r="I17" s="393"/>
      <c r="J17" s="393"/>
      <c r="K17" s="393"/>
      <c r="L17" s="393"/>
    </row>
    <row r="18" spans="2:12" ht="15.75">
      <c r="B18" s="942" t="s">
        <v>416</v>
      </c>
      <c r="C18" s="931"/>
      <c r="D18" s="931"/>
      <c r="E18" s="931"/>
      <c r="F18" s="931"/>
      <c r="G18" s="931" t="s">
        <v>416</v>
      </c>
      <c r="H18" s="393"/>
      <c r="I18" s="393"/>
      <c r="J18" s="393"/>
      <c r="K18" s="393"/>
      <c r="L18" s="393"/>
    </row>
    <row r="19" spans="2:12" ht="15.75">
      <c r="B19" s="943"/>
      <c r="C19" s="931"/>
      <c r="D19" s="931"/>
      <c r="E19" s="931"/>
      <c r="F19" s="931"/>
      <c r="G19" s="393"/>
      <c r="H19" s="393"/>
      <c r="I19" s="938"/>
      <c r="J19" s="931"/>
      <c r="K19" s="931"/>
      <c r="L19" s="931"/>
    </row>
    <row r="20" spans="2:12" ht="15.75">
      <c r="B20" s="943" t="s">
        <v>574</v>
      </c>
      <c r="C20" s="931"/>
      <c r="D20" s="931"/>
      <c r="E20" s="931"/>
      <c r="F20" s="931"/>
      <c r="G20" s="393"/>
      <c r="H20" s="393"/>
      <c r="I20" s="938" t="s">
        <v>575</v>
      </c>
      <c r="J20" s="931"/>
      <c r="K20" s="931"/>
      <c r="L20" s="931"/>
    </row>
    <row r="21" spans="2:12" ht="15.75">
      <c r="B21" s="920" t="s">
        <v>576</v>
      </c>
      <c r="C21" s="920" t="str">
        <f>"Year 2019"</f>
        <v>Year 2019</v>
      </c>
      <c r="D21" s="920"/>
      <c r="E21" s="944">
        <f>I10/12</f>
        <v>1766319.9628876548</v>
      </c>
      <c r="F21" s="944"/>
      <c r="G21" s="945">
        <f>+G15</f>
        <v>4.1949999999999999E-3</v>
      </c>
      <c r="H21" s="1323">
        <v>12</v>
      </c>
      <c r="I21" s="944">
        <f>G21*E21*H21*-1</f>
        <v>-88916.546931764533</v>
      </c>
      <c r="J21" s="944"/>
      <c r="K21" s="944"/>
      <c r="L21" s="944">
        <f>(-I21+E21)*-1</f>
        <v>-1855236.5098194194</v>
      </c>
    </row>
    <row r="22" spans="2:12" ht="15.75">
      <c r="B22" s="920" t="s">
        <v>577</v>
      </c>
      <c r="C22" s="920" t="str">
        <f>C21</f>
        <v>Year 2019</v>
      </c>
      <c r="D22" s="920"/>
      <c r="E22" s="944">
        <f>+E21</f>
        <v>1766319.9628876548</v>
      </c>
      <c r="F22" s="944"/>
      <c r="G22" s="945">
        <f>+G21</f>
        <v>4.1949999999999999E-3</v>
      </c>
      <c r="H22" s="1323">
        <f t="shared" ref="H22:H32" si="0">+H21-1</f>
        <v>11</v>
      </c>
      <c r="I22" s="944">
        <f t="shared" ref="I22:I32" si="1">G22*E22*H22*-1</f>
        <v>-81506.834687450828</v>
      </c>
      <c r="J22" s="944"/>
      <c r="K22" s="944"/>
      <c r="L22" s="944">
        <f t="shared" ref="L22:L32" si="2">(-I22+E22)*-1</f>
        <v>-1847826.7975751057</v>
      </c>
    </row>
    <row r="23" spans="2:12" ht="15.75">
      <c r="B23" s="920" t="s">
        <v>578</v>
      </c>
      <c r="C23" s="920" t="str">
        <f>C21</f>
        <v>Year 2019</v>
      </c>
      <c r="D23" s="920"/>
      <c r="E23" s="944">
        <f t="shared" ref="E23:E32" si="3">+E22</f>
        <v>1766319.9628876548</v>
      </c>
      <c r="F23" s="944"/>
      <c r="G23" s="945">
        <f t="shared" ref="G23:G32" si="4">+G22</f>
        <v>4.1949999999999999E-3</v>
      </c>
      <c r="H23" s="1323">
        <f t="shared" si="0"/>
        <v>10</v>
      </c>
      <c r="I23" s="944">
        <f t="shared" si="1"/>
        <v>-74097.122443137108</v>
      </c>
      <c r="J23" s="944"/>
      <c r="K23" s="944"/>
      <c r="L23" s="944">
        <f t="shared" si="2"/>
        <v>-1840417.0853307918</v>
      </c>
    </row>
    <row r="24" spans="2:12" ht="15.75">
      <c r="B24" s="920" t="s">
        <v>579</v>
      </c>
      <c r="C24" s="920" t="str">
        <f>C21</f>
        <v>Year 2019</v>
      </c>
      <c r="D24" s="920"/>
      <c r="E24" s="944">
        <f t="shared" si="3"/>
        <v>1766319.9628876548</v>
      </c>
      <c r="F24" s="944"/>
      <c r="G24" s="945">
        <f t="shared" si="4"/>
        <v>4.1949999999999999E-3</v>
      </c>
      <c r="H24" s="1323">
        <f t="shared" si="0"/>
        <v>9</v>
      </c>
      <c r="I24" s="944">
        <f t="shared" si="1"/>
        <v>-66687.410198823403</v>
      </c>
      <c r="J24" s="944"/>
      <c r="K24" s="944"/>
      <c r="L24" s="944">
        <f t="shared" si="2"/>
        <v>-1833007.3730864781</v>
      </c>
    </row>
    <row r="25" spans="2:12" ht="15.75">
      <c r="B25" s="920" t="s">
        <v>580</v>
      </c>
      <c r="C25" s="920" t="str">
        <f>C21</f>
        <v>Year 2019</v>
      </c>
      <c r="D25" s="920"/>
      <c r="E25" s="944">
        <f t="shared" si="3"/>
        <v>1766319.9628876548</v>
      </c>
      <c r="F25" s="944"/>
      <c r="G25" s="945">
        <f t="shared" si="4"/>
        <v>4.1949999999999999E-3</v>
      </c>
      <c r="H25" s="1323">
        <f t="shared" si="0"/>
        <v>8</v>
      </c>
      <c r="I25" s="944">
        <f t="shared" si="1"/>
        <v>-59277.697954509691</v>
      </c>
      <c r="J25" s="944"/>
      <c r="K25" s="944"/>
      <c r="L25" s="944">
        <f t="shared" si="2"/>
        <v>-1825597.6608421644</v>
      </c>
    </row>
    <row r="26" spans="2:12" ht="15.75">
      <c r="B26" s="920" t="s">
        <v>581</v>
      </c>
      <c r="C26" s="920" t="str">
        <f>C21</f>
        <v>Year 2019</v>
      </c>
      <c r="D26" s="920"/>
      <c r="E26" s="944">
        <f t="shared" si="3"/>
        <v>1766319.9628876548</v>
      </c>
      <c r="F26" s="944"/>
      <c r="G26" s="945">
        <f t="shared" si="4"/>
        <v>4.1949999999999999E-3</v>
      </c>
      <c r="H26" s="1323">
        <f t="shared" si="0"/>
        <v>7</v>
      </c>
      <c r="I26" s="944">
        <f t="shared" si="1"/>
        <v>-51867.985710195979</v>
      </c>
      <c r="J26" s="944"/>
      <c r="K26" s="944"/>
      <c r="L26" s="944">
        <f t="shared" si="2"/>
        <v>-1818187.9485978507</v>
      </c>
    </row>
    <row r="27" spans="2:12" ht="15.75">
      <c r="B27" s="920" t="s">
        <v>582</v>
      </c>
      <c r="C27" s="920" t="str">
        <f>C21</f>
        <v>Year 2019</v>
      </c>
      <c r="D27" s="920"/>
      <c r="E27" s="944">
        <f t="shared" si="3"/>
        <v>1766319.9628876548</v>
      </c>
      <c r="F27" s="944"/>
      <c r="G27" s="945">
        <f t="shared" si="4"/>
        <v>4.1949999999999999E-3</v>
      </c>
      <c r="H27" s="1323">
        <f t="shared" si="0"/>
        <v>6</v>
      </c>
      <c r="I27" s="944">
        <f t="shared" si="1"/>
        <v>-44458.273465882266</v>
      </c>
      <c r="J27" s="944"/>
      <c r="K27" s="944"/>
      <c r="L27" s="944">
        <f t="shared" si="2"/>
        <v>-1810778.2363535371</v>
      </c>
    </row>
    <row r="28" spans="2:12" ht="15.75">
      <c r="B28" s="920" t="s">
        <v>583</v>
      </c>
      <c r="C28" s="920" t="str">
        <f>C21</f>
        <v>Year 2019</v>
      </c>
      <c r="D28" s="920"/>
      <c r="E28" s="944">
        <f t="shared" si="3"/>
        <v>1766319.9628876548</v>
      </c>
      <c r="F28" s="944"/>
      <c r="G28" s="945">
        <f t="shared" si="4"/>
        <v>4.1949999999999999E-3</v>
      </c>
      <c r="H28" s="1323">
        <f t="shared" si="0"/>
        <v>5</v>
      </c>
      <c r="I28" s="944">
        <f t="shared" si="1"/>
        <v>-37048.561221568554</v>
      </c>
      <c r="J28" s="944"/>
      <c r="K28" s="944"/>
      <c r="L28" s="944">
        <f t="shared" si="2"/>
        <v>-1803368.5241092234</v>
      </c>
    </row>
    <row r="29" spans="2:12" ht="15.75">
      <c r="B29" s="920" t="s">
        <v>584</v>
      </c>
      <c r="C29" s="920" t="str">
        <f>C21</f>
        <v>Year 2019</v>
      </c>
      <c r="D29" s="920"/>
      <c r="E29" s="944">
        <f t="shared" si="3"/>
        <v>1766319.9628876548</v>
      </c>
      <c r="F29" s="944"/>
      <c r="G29" s="945">
        <f t="shared" si="4"/>
        <v>4.1949999999999999E-3</v>
      </c>
      <c r="H29" s="1323">
        <f t="shared" si="0"/>
        <v>4</v>
      </c>
      <c r="I29" s="944">
        <f t="shared" si="1"/>
        <v>-29638.848977254846</v>
      </c>
      <c r="J29" s="944"/>
      <c r="K29" s="944"/>
      <c r="L29" s="944">
        <f t="shared" si="2"/>
        <v>-1795958.8118649097</v>
      </c>
    </row>
    <row r="30" spans="2:12" ht="15.75">
      <c r="B30" s="920" t="s">
        <v>585</v>
      </c>
      <c r="C30" s="920" t="str">
        <f>C21</f>
        <v>Year 2019</v>
      </c>
      <c r="D30" s="920"/>
      <c r="E30" s="944">
        <f t="shared" si="3"/>
        <v>1766319.9628876548</v>
      </c>
      <c r="F30" s="944"/>
      <c r="G30" s="945">
        <f t="shared" si="4"/>
        <v>4.1949999999999999E-3</v>
      </c>
      <c r="H30" s="1323">
        <f t="shared" si="0"/>
        <v>3</v>
      </c>
      <c r="I30" s="944">
        <f t="shared" si="1"/>
        <v>-22229.136732941133</v>
      </c>
      <c r="J30" s="944"/>
      <c r="K30" s="944"/>
      <c r="L30" s="944">
        <f t="shared" si="2"/>
        <v>-1788549.0996205958</v>
      </c>
    </row>
    <row r="31" spans="2:12" ht="15.75">
      <c r="B31" s="920" t="s">
        <v>586</v>
      </c>
      <c r="C31" s="920" t="str">
        <f>C21</f>
        <v>Year 2019</v>
      </c>
      <c r="D31" s="920"/>
      <c r="E31" s="944">
        <f t="shared" si="3"/>
        <v>1766319.9628876548</v>
      </c>
      <c r="F31" s="944"/>
      <c r="G31" s="945">
        <f t="shared" si="4"/>
        <v>4.1949999999999999E-3</v>
      </c>
      <c r="H31" s="1323">
        <f t="shared" si="0"/>
        <v>2</v>
      </c>
      <c r="I31" s="944">
        <f t="shared" si="1"/>
        <v>-14819.424488627423</v>
      </c>
      <c r="J31" s="944"/>
      <c r="K31" s="944"/>
      <c r="L31" s="944">
        <f t="shared" si="2"/>
        <v>-1781139.3873762821</v>
      </c>
    </row>
    <row r="32" spans="2:12" ht="15.75">
      <c r="B32" s="920" t="s">
        <v>587</v>
      </c>
      <c r="C32" s="920" t="str">
        <f>C21</f>
        <v>Year 2019</v>
      </c>
      <c r="D32" s="920"/>
      <c r="E32" s="944">
        <f t="shared" si="3"/>
        <v>1766319.9628876548</v>
      </c>
      <c r="F32" s="944"/>
      <c r="G32" s="945">
        <f t="shared" si="4"/>
        <v>4.1949999999999999E-3</v>
      </c>
      <c r="H32" s="1323">
        <f t="shared" si="0"/>
        <v>1</v>
      </c>
      <c r="I32" s="946">
        <f t="shared" si="1"/>
        <v>-7409.7122443137114</v>
      </c>
      <c r="J32" s="944"/>
      <c r="K32" s="944"/>
      <c r="L32" s="944">
        <f t="shared" si="2"/>
        <v>-1773729.6751319685</v>
      </c>
    </row>
    <row r="33" spans="2:12" ht="15.75">
      <c r="B33" s="920"/>
      <c r="C33" s="920"/>
      <c r="D33" s="920"/>
      <c r="E33" s="944"/>
      <c r="F33" s="944"/>
      <c r="G33" s="945"/>
      <c r="H33" s="931"/>
      <c r="I33" s="944">
        <f>SUM(I21:I32)</f>
        <v>-577957.55505646951</v>
      </c>
      <c r="J33" s="944"/>
      <c r="K33" s="944"/>
      <c r="L33" s="947">
        <f>SUM(L21:L32)</f>
        <v>-21773797.109708328</v>
      </c>
    </row>
    <row r="34" spans="2:12" ht="15.75">
      <c r="B34" s="920"/>
      <c r="C34" s="920"/>
      <c r="D34" s="920"/>
      <c r="E34" s="944"/>
      <c r="F34" s="944"/>
      <c r="G34" s="945"/>
      <c r="H34" s="931"/>
      <c r="I34" s="944"/>
      <c r="J34" s="944" t="s">
        <v>416</v>
      </c>
      <c r="K34" s="944"/>
      <c r="L34" s="393"/>
    </row>
    <row r="35" spans="2:12" ht="15.75">
      <c r="B35" s="920"/>
      <c r="C35" s="920"/>
      <c r="D35" s="920"/>
      <c r="E35" s="930"/>
      <c r="F35" s="930"/>
      <c r="G35" s="945"/>
      <c r="H35" s="931"/>
      <c r="I35" s="948" t="s">
        <v>588</v>
      </c>
      <c r="J35" s="944"/>
      <c r="K35" s="944"/>
      <c r="L35" s="944"/>
    </row>
    <row r="36" spans="2:12" ht="15.75">
      <c r="B36" s="920" t="s">
        <v>589</v>
      </c>
      <c r="C36" s="920" t="str">
        <f>"Year 2019"</f>
        <v>Year 2019</v>
      </c>
      <c r="D36" s="920"/>
      <c r="E36" s="930">
        <f>L33</f>
        <v>-21773797.109708328</v>
      </c>
      <c r="F36" s="930"/>
      <c r="G36" s="945">
        <f>+G32</f>
        <v>4.1949999999999999E-3</v>
      </c>
      <c r="H36" s="1323">
        <v>12</v>
      </c>
      <c r="I36" s="944">
        <f>+H36*G36*E36</f>
        <v>-1096092.9465027172</v>
      </c>
      <c r="J36" s="944"/>
      <c r="K36" s="944"/>
      <c r="L36" s="947">
        <f>+E36+I36</f>
        <v>-22869890.056211047</v>
      </c>
    </row>
    <row r="37" spans="2:12" ht="15.75">
      <c r="B37" s="920"/>
      <c r="C37" s="920"/>
      <c r="D37" s="920"/>
      <c r="E37" s="930"/>
      <c r="F37" s="930"/>
      <c r="G37" s="945"/>
      <c r="H37" s="920"/>
      <c r="I37" s="944"/>
      <c r="J37" s="944"/>
      <c r="K37" s="944"/>
      <c r="L37" s="944"/>
    </row>
    <row r="38" spans="2:12" ht="15.75">
      <c r="B38" s="949" t="s">
        <v>590</v>
      </c>
      <c r="C38" s="920"/>
      <c r="D38" s="920"/>
      <c r="E38" s="944"/>
      <c r="F38" s="944"/>
      <c r="G38" s="945"/>
      <c r="H38" s="920"/>
      <c r="I38" s="948" t="s">
        <v>575</v>
      </c>
      <c r="J38" s="944"/>
      <c r="K38" s="944"/>
      <c r="L38" s="944"/>
    </row>
    <row r="39" spans="2:12" ht="15.75">
      <c r="B39" s="920" t="s">
        <v>576</v>
      </c>
      <c r="C39" s="920" t="str">
        <f>"Year 2021"</f>
        <v>Year 2021</v>
      </c>
      <c r="D39" s="920"/>
      <c r="E39" s="950">
        <f>-L36</f>
        <v>22869890.056211047</v>
      </c>
      <c r="F39" s="930"/>
      <c r="G39" s="945">
        <f>+G32</f>
        <v>4.1949999999999999E-3</v>
      </c>
      <c r="H39" s="920"/>
      <c r="I39" s="944">
        <f xml:space="preserve"> -G39*E39</f>
        <v>-95939.188785805338</v>
      </c>
      <c r="J39" s="944">
        <f>PMT(G39,12,L$36)</f>
        <v>1958190.0490844175</v>
      </c>
      <c r="K39" s="944"/>
      <c r="L39" s="944">
        <f>(+E39+E39*G39-J39)*-1</f>
        <v>-21007639.195912436</v>
      </c>
    </row>
    <row r="40" spans="2:12" ht="15.75">
      <c r="B40" s="920" t="s">
        <v>577</v>
      </c>
      <c r="C40" s="920" t="str">
        <f>+C39</f>
        <v>Year 2021</v>
      </c>
      <c r="D40" s="920"/>
      <c r="E40" s="930">
        <f>-L39</f>
        <v>21007639.195912436</v>
      </c>
      <c r="F40" s="930"/>
      <c r="G40" s="945">
        <f>+G39</f>
        <v>4.1949999999999999E-3</v>
      </c>
      <c r="H40" s="920"/>
      <c r="I40" s="944">
        <f xml:space="preserve"> -G40*E40</f>
        <v>-88127.04642685267</v>
      </c>
      <c r="J40" s="944">
        <f>J39</f>
        <v>1958190.0490844175</v>
      </c>
      <c r="K40" s="944"/>
      <c r="L40" s="944">
        <f t="shared" ref="L40:L50" si="5">(+E40+E40*G40-J40)*-1</f>
        <v>-19137576.193254869</v>
      </c>
    </row>
    <row r="41" spans="2:12" ht="15.75">
      <c r="B41" s="920" t="s">
        <v>578</v>
      </c>
      <c r="C41" s="920" t="str">
        <f>+C40</f>
        <v>Year 2021</v>
      </c>
      <c r="D41" s="920"/>
      <c r="E41" s="930">
        <f t="shared" ref="E41:E50" si="6">-L40</f>
        <v>19137576.193254869</v>
      </c>
      <c r="F41" s="930"/>
      <c r="G41" s="945">
        <f t="shared" ref="G41:G50" si="7">+G40</f>
        <v>4.1949999999999999E-3</v>
      </c>
      <c r="H41" s="920"/>
      <c r="I41" s="944">
        <f t="shared" ref="I41:I50" si="8" xml:space="preserve"> -G41*E41</f>
        <v>-80282.13213070418</v>
      </c>
      <c r="J41" s="944">
        <f t="shared" ref="J41:J50" si="9">J40</f>
        <v>1958190.0490844175</v>
      </c>
      <c r="K41" s="944"/>
      <c r="L41" s="944">
        <f t="shared" si="5"/>
        <v>-17259668.276301157</v>
      </c>
    </row>
    <row r="42" spans="2:12" ht="15.75">
      <c r="B42" s="920" t="s">
        <v>579</v>
      </c>
      <c r="C42" s="920" t="str">
        <f>+C41</f>
        <v>Year 2021</v>
      </c>
      <c r="D42" s="920"/>
      <c r="E42" s="930">
        <f t="shared" si="6"/>
        <v>17259668.276301157</v>
      </c>
      <c r="F42" s="930"/>
      <c r="G42" s="945">
        <f t="shared" si="7"/>
        <v>4.1949999999999999E-3</v>
      </c>
      <c r="H42" s="920"/>
      <c r="I42" s="944">
        <f t="shared" si="8"/>
        <v>-72404.308419083347</v>
      </c>
      <c r="J42" s="944">
        <f t="shared" si="9"/>
        <v>1958190.0490844175</v>
      </c>
      <c r="K42" s="944"/>
      <c r="L42" s="944">
        <f t="shared" si="5"/>
        <v>-15373882.535635822</v>
      </c>
    </row>
    <row r="43" spans="2:12" ht="15.75">
      <c r="B43" s="920" t="s">
        <v>580</v>
      </c>
      <c r="C43" s="920" t="str">
        <f>+C42</f>
        <v>Year 2021</v>
      </c>
      <c r="D43" s="920"/>
      <c r="E43" s="930">
        <f t="shared" si="6"/>
        <v>15373882.535635822</v>
      </c>
      <c r="F43" s="930"/>
      <c r="G43" s="945">
        <f t="shared" si="7"/>
        <v>4.1949999999999999E-3</v>
      </c>
      <c r="H43" s="920"/>
      <c r="I43" s="944">
        <f t="shared" si="8"/>
        <v>-64493.437236992271</v>
      </c>
      <c r="J43" s="944">
        <f>J42</f>
        <v>1958190.0490844175</v>
      </c>
      <c r="K43" s="944"/>
      <c r="L43" s="944">
        <f t="shared" si="5"/>
        <v>-13480185.923788397</v>
      </c>
    </row>
    <row r="44" spans="2:12" ht="15.75">
      <c r="B44" s="920" t="s">
        <v>581</v>
      </c>
      <c r="C44" s="920" t="str">
        <f>C43</f>
        <v>Year 2021</v>
      </c>
      <c r="D44" s="393"/>
      <c r="E44" s="930">
        <f t="shared" si="6"/>
        <v>13480185.923788397</v>
      </c>
      <c r="F44" s="930"/>
      <c r="G44" s="945">
        <f t="shared" si="7"/>
        <v>4.1949999999999999E-3</v>
      </c>
      <c r="H44" s="920"/>
      <c r="I44" s="944">
        <f t="shared" si="8"/>
        <v>-56549.379950292321</v>
      </c>
      <c r="J44" s="944">
        <f t="shared" si="9"/>
        <v>1958190.0490844175</v>
      </c>
      <c r="K44" s="944"/>
      <c r="L44" s="944">
        <f t="shared" si="5"/>
        <v>-11578545.254654272</v>
      </c>
    </row>
    <row r="45" spans="2:12" ht="15.75">
      <c r="B45" s="920" t="s">
        <v>582</v>
      </c>
      <c r="C45" s="920" t="str">
        <f t="shared" ref="C45:C50" si="10">+C44</f>
        <v>Year 2021</v>
      </c>
      <c r="D45" s="920"/>
      <c r="E45" s="930">
        <f t="shared" si="6"/>
        <v>11578545.254654272</v>
      </c>
      <c r="F45" s="930"/>
      <c r="G45" s="945">
        <f t="shared" si="7"/>
        <v>4.1949999999999999E-3</v>
      </c>
      <c r="H45" s="920"/>
      <c r="I45" s="944">
        <f t="shared" si="8"/>
        <v>-48571.99734327467</v>
      </c>
      <c r="J45" s="944">
        <f t="shared" si="9"/>
        <v>1958190.0490844175</v>
      </c>
      <c r="K45" s="944"/>
      <c r="L45" s="944">
        <f t="shared" si="5"/>
        <v>-9668927.2029131278</v>
      </c>
    </row>
    <row r="46" spans="2:12" ht="15.75">
      <c r="B46" s="920" t="s">
        <v>583</v>
      </c>
      <c r="C46" s="920" t="str">
        <f t="shared" si="10"/>
        <v>Year 2021</v>
      </c>
      <c r="D46" s="920"/>
      <c r="E46" s="930">
        <f t="shared" si="6"/>
        <v>9668927.2029131278</v>
      </c>
      <c r="F46" s="930"/>
      <c r="G46" s="945">
        <f t="shared" si="7"/>
        <v>4.1949999999999999E-3</v>
      </c>
      <c r="H46" s="920"/>
      <c r="I46" s="944">
        <f t="shared" si="8"/>
        <v>-40561.149616220573</v>
      </c>
      <c r="J46" s="944">
        <f t="shared" si="9"/>
        <v>1958190.0490844175</v>
      </c>
      <c r="K46" s="944"/>
      <c r="L46" s="944">
        <f t="shared" si="5"/>
        <v>-7751298.3034449313</v>
      </c>
    </row>
    <row r="47" spans="2:12" ht="15.75">
      <c r="B47" s="920" t="s">
        <v>584</v>
      </c>
      <c r="C47" s="920" t="str">
        <f t="shared" si="10"/>
        <v>Year 2021</v>
      </c>
      <c r="D47" s="920"/>
      <c r="E47" s="930">
        <f t="shared" si="6"/>
        <v>7751298.3034449313</v>
      </c>
      <c r="F47" s="930"/>
      <c r="G47" s="945">
        <f t="shared" si="7"/>
        <v>4.1949999999999999E-3</v>
      </c>
      <c r="H47" s="920"/>
      <c r="I47" s="944">
        <f t="shared" si="8"/>
        <v>-32516.696382951486</v>
      </c>
      <c r="J47" s="944">
        <f>J46</f>
        <v>1958190.0490844175</v>
      </c>
      <c r="K47" s="944"/>
      <c r="L47" s="944">
        <f t="shared" si="5"/>
        <v>-5825624.9507434657</v>
      </c>
    </row>
    <row r="48" spans="2:12" ht="15.75">
      <c r="B48" s="920" t="s">
        <v>585</v>
      </c>
      <c r="C48" s="920" t="str">
        <f t="shared" si="10"/>
        <v>Year 2021</v>
      </c>
      <c r="D48" s="920"/>
      <c r="E48" s="930">
        <f t="shared" si="6"/>
        <v>5825624.9507434657</v>
      </c>
      <c r="F48" s="930"/>
      <c r="G48" s="945">
        <f t="shared" si="7"/>
        <v>4.1949999999999999E-3</v>
      </c>
      <c r="H48" s="920"/>
      <c r="I48" s="944">
        <f t="shared" si="8"/>
        <v>-24438.49666836884</v>
      </c>
      <c r="J48" s="944">
        <f t="shared" si="9"/>
        <v>1958190.0490844175</v>
      </c>
      <c r="K48" s="944"/>
      <c r="L48" s="944">
        <f t="shared" si="5"/>
        <v>-3891873.3983274167</v>
      </c>
    </row>
    <row r="49" spans="2:12" ht="15.75">
      <c r="B49" s="920" t="s">
        <v>586</v>
      </c>
      <c r="C49" s="920" t="str">
        <f t="shared" si="10"/>
        <v>Year 2021</v>
      </c>
      <c r="D49" s="920"/>
      <c r="E49" s="930">
        <f t="shared" si="6"/>
        <v>3891873.3983274167</v>
      </c>
      <c r="F49" s="930"/>
      <c r="G49" s="945">
        <f t="shared" si="7"/>
        <v>4.1949999999999999E-3</v>
      </c>
      <c r="H49" s="920"/>
      <c r="I49" s="944">
        <f t="shared" si="8"/>
        <v>-16326.408905983513</v>
      </c>
      <c r="J49" s="944">
        <f t="shared" si="9"/>
        <v>1958190.0490844175</v>
      </c>
      <c r="K49" s="944"/>
      <c r="L49" s="944">
        <f t="shared" si="5"/>
        <v>-1950009.7581489827</v>
      </c>
    </row>
    <row r="50" spans="2:12" ht="15.75">
      <c r="B50" s="920" t="s">
        <v>587</v>
      </c>
      <c r="C50" s="920" t="str">
        <f t="shared" si="10"/>
        <v>Year 2021</v>
      </c>
      <c r="D50" s="920"/>
      <c r="E50" s="930">
        <f t="shared" si="6"/>
        <v>1950009.7581489827</v>
      </c>
      <c r="F50" s="930"/>
      <c r="G50" s="945">
        <f t="shared" si="7"/>
        <v>4.1949999999999999E-3</v>
      </c>
      <c r="H50" s="920"/>
      <c r="I50" s="946">
        <f t="shared" si="8"/>
        <v>-8180.2909354349822</v>
      </c>
      <c r="J50" s="944">
        <f t="shared" si="9"/>
        <v>1958190.0490844175</v>
      </c>
      <c r="K50" s="944"/>
      <c r="L50" s="944">
        <f t="shared" si="5"/>
        <v>0</v>
      </c>
    </row>
    <row r="51" spans="2:12" ht="15.75">
      <c r="B51" s="920"/>
      <c r="C51" s="920"/>
      <c r="D51" s="920"/>
      <c r="E51" s="930"/>
      <c r="F51" s="930"/>
      <c r="G51" s="945"/>
      <c r="H51" s="920"/>
      <c r="I51" s="944">
        <f>SUM(I39:I50)</f>
        <v>-628390.5328019642</v>
      </c>
      <c r="J51" s="944"/>
      <c r="K51" s="944"/>
      <c r="L51" s="944"/>
    </row>
    <row r="52" spans="2:12" ht="15">
      <c r="B52" s="393"/>
      <c r="C52" s="393"/>
      <c r="D52" s="393"/>
      <c r="E52" s="393"/>
      <c r="F52" s="393"/>
      <c r="G52" s="393"/>
      <c r="H52" s="393"/>
      <c r="I52" s="393"/>
      <c r="J52" s="951"/>
      <c r="K52" s="393"/>
      <c r="L52" s="393"/>
    </row>
    <row r="53" spans="2:12" ht="15.75">
      <c r="B53" s="920" t="s">
        <v>591</v>
      </c>
      <c r="C53" s="393"/>
      <c r="D53" s="393"/>
      <c r="E53" s="393"/>
      <c r="F53" s="393"/>
      <c r="G53" s="393"/>
      <c r="H53" s="393"/>
      <c r="I53" s="393"/>
      <c r="J53" s="952">
        <f>(SUM(J39:J50)*-1)</f>
        <v>-23498280.58901301</v>
      </c>
      <c r="K53" s="393"/>
      <c r="L53" s="393"/>
    </row>
    <row r="54" spans="2:12" ht="15.75">
      <c r="B54" s="920" t="s">
        <v>592</v>
      </c>
      <c r="C54" s="393"/>
      <c r="D54" s="393"/>
      <c r="E54" s="393"/>
      <c r="F54" s="393"/>
      <c r="G54" s="393"/>
      <c r="H54" s="393"/>
      <c r="I54" s="393"/>
      <c r="J54" s="953">
        <f>+I10</f>
        <v>21195839.554651856</v>
      </c>
      <c r="K54" s="393"/>
      <c r="L54" s="393"/>
    </row>
    <row r="55" spans="2:12" ht="15.75">
      <c r="B55" s="920" t="s">
        <v>593</v>
      </c>
      <c r="C55" s="393"/>
      <c r="D55" s="393"/>
      <c r="E55" s="393"/>
      <c r="F55" s="393"/>
      <c r="G55" s="393"/>
      <c r="H55" s="393"/>
      <c r="I55" s="393"/>
      <c r="J55" s="952">
        <f>(J53+J54)</f>
        <v>-2302441.0343611538</v>
      </c>
      <c r="K55" s="393"/>
      <c r="L55" s="393"/>
    </row>
    <row r="56" spans="2:12">
      <c r="B56" s="392"/>
      <c r="C56" s="392"/>
      <c r="D56" s="392"/>
      <c r="E56" s="392"/>
      <c r="F56" s="392"/>
      <c r="G56" s="392"/>
      <c r="H56" s="392"/>
      <c r="I56" s="392"/>
      <c r="J56" s="392"/>
      <c r="K56" s="392"/>
      <c r="L56" s="392"/>
    </row>
    <row r="57" spans="2:12" ht="52.9" customHeight="1">
      <c r="B57" s="1532" t="s">
        <v>594</v>
      </c>
      <c r="C57" s="1532"/>
      <c r="D57" s="1532"/>
      <c r="E57" s="1532"/>
      <c r="F57" s="1532"/>
      <c r="G57" s="1532"/>
      <c r="H57" s="1532"/>
      <c r="I57" s="1532"/>
      <c r="J57" s="1532"/>
      <c r="K57" s="1326"/>
      <c r="L57" s="1326"/>
    </row>
  </sheetData>
  <mergeCells count="5">
    <mergeCell ref="B3:L3"/>
    <mergeCell ref="B1:L1"/>
    <mergeCell ref="B2:L2"/>
    <mergeCell ref="E4:H4"/>
    <mergeCell ref="B57:J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0" sqref="E10"/>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531" t="s">
        <v>618</v>
      </c>
      <c r="C1" s="1531"/>
      <c r="D1" s="1531"/>
      <c r="E1" s="1531"/>
      <c r="F1" s="1531"/>
      <c r="G1" s="1531"/>
      <c r="H1" s="1531"/>
      <c r="I1" s="1531"/>
      <c r="J1" s="1531"/>
      <c r="K1" s="1531"/>
      <c r="L1" s="1531"/>
    </row>
    <row r="2" spans="1:12" ht="15.75">
      <c r="A2" s="173"/>
      <c r="B2" s="1530" t="s">
        <v>565</v>
      </c>
      <c r="C2" s="1530"/>
      <c r="D2" s="1530"/>
      <c r="E2" s="1530"/>
      <c r="F2" s="1530"/>
      <c r="G2" s="1530"/>
      <c r="H2" s="1530"/>
      <c r="I2" s="1530"/>
      <c r="J2" s="1530"/>
      <c r="K2" s="1530"/>
      <c r="L2" s="1530"/>
    </row>
    <row r="3" spans="1:12" ht="15.75">
      <c r="A3" s="173"/>
      <c r="B3" s="1530" t="s">
        <v>595</v>
      </c>
      <c r="C3" s="1530"/>
      <c r="D3" s="1530"/>
      <c r="E3" s="1530"/>
      <c r="F3" s="1530"/>
      <c r="G3" s="1530"/>
      <c r="H3" s="1530"/>
      <c r="I3" s="1530"/>
      <c r="J3" s="1530"/>
      <c r="K3" s="1530"/>
      <c r="L3" s="1530"/>
    </row>
    <row r="4" spans="1:12" ht="15.75">
      <c r="A4" s="173"/>
      <c r="B4" s="393"/>
      <c r="C4" s="393"/>
      <c r="D4" s="393"/>
      <c r="E4" s="1530"/>
      <c r="F4" s="1530"/>
      <c r="G4" s="1530"/>
      <c r="H4" s="1530"/>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47.25">
      <c r="A8" s="173"/>
      <c r="B8" s="921" t="str">
        <f>"Reconciliation Revenue Requirement For Year 2019 Available May 25, 2020"</f>
        <v>Reconciliation Revenue Requirement For Year 2019 Available May 25, 2020</v>
      </c>
      <c r="C8" s="920"/>
      <c r="D8" s="920"/>
      <c r="E8" s="921" t="s">
        <v>922</v>
      </c>
      <c r="F8" s="920"/>
      <c r="G8" s="920"/>
      <c r="H8" s="393"/>
      <c r="I8" s="921" t="s">
        <v>567</v>
      </c>
      <c r="J8" s="393"/>
      <c r="K8" s="393"/>
      <c r="L8" s="393"/>
    </row>
    <row r="9" spans="1:12" ht="15.75">
      <c r="A9" s="173"/>
      <c r="B9" s="922" t="s">
        <v>416</v>
      </c>
      <c r="C9" s="920"/>
      <c r="D9" s="920"/>
      <c r="E9" s="922"/>
      <c r="F9" s="920"/>
      <c r="G9" s="920"/>
      <c r="H9" s="393"/>
      <c r="I9" s="923"/>
      <c r="J9" s="393"/>
      <c r="K9" s="393"/>
      <c r="L9" s="393"/>
    </row>
    <row r="10" spans="1:12" ht="16.5" thickBot="1">
      <c r="A10" s="173"/>
      <c r="B10" s="918">
        <v>46913545.440844841</v>
      </c>
      <c r="C10" s="924" t="str">
        <f>"-"</f>
        <v>-</v>
      </c>
      <c r="D10" s="925"/>
      <c r="E10" s="918">
        <v>47297503.517020211</v>
      </c>
      <c r="F10" s="926"/>
      <c r="G10" s="927" t="str">
        <f>"="</f>
        <v>=</v>
      </c>
      <c r="H10" s="928"/>
      <c r="I10" s="929">
        <f>IF(B10=0,0,E10-B10)</f>
        <v>383958.07617536932</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4</v>
      </c>
      <c r="C14" s="931"/>
      <c r="D14" s="931"/>
      <c r="E14" s="937" t="s">
        <v>568</v>
      </c>
      <c r="F14" s="930"/>
      <c r="G14" s="937" t="s">
        <v>569</v>
      </c>
      <c r="H14" s="938" t="s">
        <v>570</v>
      </c>
      <c r="I14" s="939" t="s">
        <v>571</v>
      </c>
      <c r="J14" s="937" t="s">
        <v>572</v>
      </c>
      <c r="K14" s="940"/>
      <c r="L14" s="937" t="s">
        <v>573</v>
      </c>
    </row>
    <row r="15" spans="1:12" ht="15.75">
      <c r="A15" s="173"/>
      <c r="B15" s="936" t="s">
        <v>831</v>
      </c>
      <c r="C15" s="931"/>
      <c r="D15" s="931"/>
      <c r="E15" s="393"/>
      <c r="F15" s="941"/>
      <c r="G15" s="954">
        <f>'WS R Interest'!G15</f>
        <v>4.1949999999999999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
        <v>843</v>
      </c>
      <c r="C17" s="931"/>
      <c r="D17" s="931"/>
      <c r="E17" s="393"/>
      <c r="F17" s="941"/>
      <c r="G17" s="941"/>
      <c r="H17" s="930"/>
      <c r="I17" s="393"/>
      <c r="J17" s="393"/>
      <c r="K17" s="393"/>
      <c r="L17" s="393"/>
    </row>
    <row r="18" spans="1:12" ht="15.75">
      <c r="A18" s="173"/>
      <c r="B18" s="942" t="s">
        <v>416</v>
      </c>
      <c r="C18" s="931"/>
      <c r="D18" s="931"/>
      <c r="E18" s="931"/>
      <c r="F18" s="931"/>
      <c r="G18" s="931" t="s">
        <v>416</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4</v>
      </c>
      <c r="C20" s="931"/>
      <c r="D20" s="931"/>
      <c r="E20" s="931"/>
      <c r="F20" s="931"/>
      <c r="G20" s="393"/>
      <c r="H20" s="393"/>
      <c r="I20" s="938" t="s">
        <v>575</v>
      </c>
      <c r="J20" s="931"/>
      <c r="K20" s="931"/>
      <c r="L20" s="931"/>
    </row>
    <row r="21" spans="1:12" ht="15.75">
      <c r="A21" s="173"/>
      <c r="B21" s="920" t="s">
        <v>576</v>
      </c>
      <c r="C21" s="920" t="str">
        <f>"Year 2019"</f>
        <v>Year 2019</v>
      </c>
      <c r="D21" s="920"/>
      <c r="E21" s="944">
        <f>I10/12</f>
        <v>31996.506347947445</v>
      </c>
      <c r="F21" s="944"/>
      <c r="G21" s="945">
        <f>+G15</f>
        <v>4.1949999999999999E-3</v>
      </c>
      <c r="H21" s="1323">
        <v>12</v>
      </c>
      <c r="I21" s="944">
        <f>G21*E21*H21*-1</f>
        <v>-1610.7041295556742</v>
      </c>
      <c r="J21" s="944"/>
      <c r="K21" s="944"/>
      <c r="L21" s="944">
        <f>(-I21+E21)*-1</f>
        <v>-33607.210477503118</v>
      </c>
    </row>
    <row r="22" spans="1:12" ht="15.75">
      <c r="A22" s="173"/>
      <c r="B22" s="920" t="s">
        <v>577</v>
      </c>
      <c r="C22" s="920" t="str">
        <f>C21</f>
        <v>Year 2019</v>
      </c>
      <c r="D22" s="920"/>
      <c r="E22" s="944">
        <f>+E21</f>
        <v>31996.506347947445</v>
      </c>
      <c r="F22" s="944"/>
      <c r="G22" s="945">
        <f>+G21</f>
        <v>4.1949999999999999E-3</v>
      </c>
      <c r="H22" s="1323">
        <f t="shared" ref="H22:H32" si="0">+H21-1</f>
        <v>11</v>
      </c>
      <c r="I22" s="944">
        <f t="shared" ref="I22:I32" si="1">G22*E22*H22*-1</f>
        <v>-1476.4787854260348</v>
      </c>
      <c r="J22" s="944"/>
      <c r="K22" s="944"/>
      <c r="L22" s="944">
        <f t="shared" ref="L22:L32" si="2">(-I22+E22)*-1</f>
        <v>-33472.985133373477</v>
      </c>
    </row>
    <row r="23" spans="1:12" ht="15.75">
      <c r="A23" s="173"/>
      <c r="B23" s="920" t="s">
        <v>578</v>
      </c>
      <c r="C23" s="920" t="str">
        <f>C21</f>
        <v>Year 2019</v>
      </c>
      <c r="D23" s="920"/>
      <c r="E23" s="944">
        <f t="shared" ref="E23:E32" si="3">+E22</f>
        <v>31996.506347947445</v>
      </c>
      <c r="F23" s="944"/>
      <c r="G23" s="945">
        <f t="shared" ref="G23:G32" si="4">+G22</f>
        <v>4.1949999999999999E-3</v>
      </c>
      <c r="H23" s="1323">
        <f t="shared" si="0"/>
        <v>10</v>
      </c>
      <c r="I23" s="944">
        <f t="shared" si="1"/>
        <v>-1342.2534412963953</v>
      </c>
      <c r="J23" s="944"/>
      <c r="K23" s="944"/>
      <c r="L23" s="944">
        <f t="shared" si="2"/>
        <v>-33338.759789243843</v>
      </c>
    </row>
    <row r="24" spans="1:12" ht="15.75">
      <c r="A24" s="173"/>
      <c r="B24" s="920" t="s">
        <v>579</v>
      </c>
      <c r="C24" s="920" t="str">
        <f>C21</f>
        <v>Year 2019</v>
      </c>
      <c r="D24" s="920"/>
      <c r="E24" s="944">
        <f t="shared" si="3"/>
        <v>31996.506347947445</v>
      </c>
      <c r="F24" s="944"/>
      <c r="G24" s="945">
        <f t="shared" si="4"/>
        <v>4.1949999999999999E-3</v>
      </c>
      <c r="H24" s="1323">
        <f t="shared" si="0"/>
        <v>9</v>
      </c>
      <c r="I24" s="944">
        <f t="shared" si="1"/>
        <v>-1208.0280971667557</v>
      </c>
      <c r="J24" s="944"/>
      <c r="K24" s="944"/>
      <c r="L24" s="944">
        <f t="shared" si="2"/>
        <v>-33204.534445114201</v>
      </c>
    </row>
    <row r="25" spans="1:12" ht="15.75">
      <c r="A25" s="173"/>
      <c r="B25" s="920" t="s">
        <v>580</v>
      </c>
      <c r="C25" s="920" t="str">
        <f>C21</f>
        <v>Year 2019</v>
      </c>
      <c r="D25" s="920"/>
      <c r="E25" s="944">
        <f t="shared" si="3"/>
        <v>31996.506347947445</v>
      </c>
      <c r="F25" s="944"/>
      <c r="G25" s="945">
        <f t="shared" si="4"/>
        <v>4.1949999999999999E-3</v>
      </c>
      <c r="H25" s="1323">
        <f t="shared" si="0"/>
        <v>8</v>
      </c>
      <c r="I25" s="944">
        <f t="shared" si="1"/>
        <v>-1073.8027530371162</v>
      </c>
      <c r="J25" s="944"/>
      <c r="K25" s="944"/>
      <c r="L25" s="944">
        <f t="shared" si="2"/>
        <v>-33070.309100984559</v>
      </c>
    </row>
    <row r="26" spans="1:12" ht="15.75">
      <c r="A26" s="173"/>
      <c r="B26" s="920" t="s">
        <v>581</v>
      </c>
      <c r="C26" s="920" t="str">
        <f>C21</f>
        <v>Year 2019</v>
      </c>
      <c r="D26" s="920"/>
      <c r="E26" s="944">
        <f t="shared" si="3"/>
        <v>31996.506347947445</v>
      </c>
      <c r="F26" s="944"/>
      <c r="G26" s="945">
        <f t="shared" si="4"/>
        <v>4.1949999999999999E-3</v>
      </c>
      <c r="H26" s="1323">
        <f t="shared" si="0"/>
        <v>7</v>
      </c>
      <c r="I26" s="944">
        <f t="shared" si="1"/>
        <v>-939.57740890747664</v>
      </c>
      <c r="J26" s="944"/>
      <c r="K26" s="944"/>
      <c r="L26" s="944">
        <f t="shared" si="2"/>
        <v>-32936.083756854918</v>
      </c>
    </row>
    <row r="27" spans="1:12" ht="15.75">
      <c r="A27" s="173"/>
      <c r="B27" s="920" t="s">
        <v>582</v>
      </c>
      <c r="C27" s="920" t="str">
        <f>C21</f>
        <v>Year 2019</v>
      </c>
      <c r="D27" s="920"/>
      <c r="E27" s="944">
        <f t="shared" si="3"/>
        <v>31996.506347947445</v>
      </c>
      <c r="F27" s="944"/>
      <c r="G27" s="945">
        <f t="shared" si="4"/>
        <v>4.1949999999999999E-3</v>
      </c>
      <c r="H27" s="1323">
        <f t="shared" si="0"/>
        <v>6</v>
      </c>
      <c r="I27" s="944">
        <f t="shared" si="1"/>
        <v>-805.35206477783709</v>
      </c>
      <c r="J27" s="944"/>
      <c r="K27" s="944"/>
      <c r="L27" s="944">
        <f t="shared" si="2"/>
        <v>-32801.858412725283</v>
      </c>
    </row>
    <row r="28" spans="1:12" ht="15.75">
      <c r="A28" s="173"/>
      <c r="B28" s="920" t="s">
        <v>583</v>
      </c>
      <c r="C28" s="920" t="str">
        <f>C21</f>
        <v>Year 2019</v>
      </c>
      <c r="D28" s="920"/>
      <c r="E28" s="944">
        <f t="shared" si="3"/>
        <v>31996.506347947445</v>
      </c>
      <c r="F28" s="944"/>
      <c r="G28" s="945">
        <f t="shared" si="4"/>
        <v>4.1949999999999999E-3</v>
      </c>
      <c r="H28" s="1323">
        <f t="shared" si="0"/>
        <v>5</v>
      </c>
      <c r="I28" s="944">
        <f t="shared" si="1"/>
        <v>-671.12672064819765</v>
      </c>
      <c r="J28" s="944"/>
      <c r="K28" s="944"/>
      <c r="L28" s="944">
        <f t="shared" si="2"/>
        <v>-32667.633068595642</v>
      </c>
    </row>
    <row r="29" spans="1:12" ht="15.75">
      <c r="A29" s="173"/>
      <c r="B29" s="920" t="s">
        <v>584</v>
      </c>
      <c r="C29" s="920" t="str">
        <f>C21</f>
        <v>Year 2019</v>
      </c>
      <c r="D29" s="920"/>
      <c r="E29" s="944">
        <f t="shared" si="3"/>
        <v>31996.506347947445</v>
      </c>
      <c r="F29" s="944"/>
      <c r="G29" s="945">
        <f t="shared" si="4"/>
        <v>4.1949999999999999E-3</v>
      </c>
      <c r="H29" s="1323">
        <f t="shared" si="0"/>
        <v>4</v>
      </c>
      <c r="I29" s="944">
        <f t="shared" si="1"/>
        <v>-536.9013765185581</v>
      </c>
      <c r="J29" s="944"/>
      <c r="K29" s="944"/>
      <c r="L29" s="944">
        <f t="shared" si="2"/>
        <v>-32533.407724466004</v>
      </c>
    </row>
    <row r="30" spans="1:12" ht="15.75">
      <c r="A30" s="173"/>
      <c r="B30" s="920" t="s">
        <v>585</v>
      </c>
      <c r="C30" s="920" t="str">
        <f>C21</f>
        <v>Year 2019</v>
      </c>
      <c r="D30" s="920"/>
      <c r="E30" s="944">
        <f t="shared" si="3"/>
        <v>31996.506347947445</v>
      </c>
      <c r="F30" s="944"/>
      <c r="G30" s="945">
        <f t="shared" si="4"/>
        <v>4.1949999999999999E-3</v>
      </c>
      <c r="H30" s="1323">
        <f t="shared" si="0"/>
        <v>3</v>
      </c>
      <c r="I30" s="944">
        <f t="shared" si="1"/>
        <v>-402.67603238891854</v>
      </c>
      <c r="J30" s="944"/>
      <c r="K30" s="944"/>
      <c r="L30" s="944">
        <f t="shared" si="2"/>
        <v>-32399.182380336362</v>
      </c>
    </row>
    <row r="31" spans="1:12" ht="15.75">
      <c r="A31" s="173"/>
      <c r="B31" s="920" t="s">
        <v>586</v>
      </c>
      <c r="C31" s="920" t="str">
        <f>C21</f>
        <v>Year 2019</v>
      </c>
      <c r="D31" s="920"/>
      <c r="E31" s="944">
        <f t="shared" si="3"/>
        <v>31996.506347947445</v>
      </c>
      <c r="F31" s="944"/>
      <c r="G31" s="945">
        <f t="shared" si="4"/>
        <v>4.1949999999999999E-3</v>
      </c>
      <c r="H31" s="1323">
        <f t="shared" si="0"/>
        <v>2</v>
      </c>
      <c r="I31" s="944">
        <f t="shared" si="1"/>
        <v>-268.45068825927905</v>
      </c>
      <c r="J31" s="944"/>
      <c r="K31" s="944"/>
      <c r="L31" s="944">
        <f t="shared" si="2"/>
        <v>-32264.957036206724</v>
      </c>
    </row>
    <row r="32" spans="1:12" ht="15.75">
      <c r="A32" s="173"/>
      <c r="B32" s="920" t="s">
        <v>587</v>
      </c>
      <c r="C32" s="920" t="str">
        <f>C21</f>
        <v>Year 2019</v>
      </c>
      <c r="D32" s="920"/>
      <c r="E32" s="944">
        <f t="shared" si="3"/>
        <v>31996.506347947445</v>
      </c>
      <c r="F32" s="944"/>
      <c r="G32" s="945">
        <f t="shared" si="4"/>
        <v>4.1949999999999999E-3</v>
      </c>
      <c r="H32" s="1323">
        <f t="shared" si="0"/>
        <v>1</v>
      </c>
      <c r="I32" s="946">
        <f t="shared" si="1"/>
        <v>-134.22534412963952</v>
      </c>
      <c r="J32" s="944"/>
      <c r="K32" s="944"/>
      <c r="L32" s="944">
        <f t="shared" si="2"/>
        <v>-32130.731692077083</v>
      </c>
    </row>
    <row r="33" spans="1:12" ht="15.75">
      <c r="A33" s="173"/>
      <c r="B33" s="920"/>
      <c r="C33" s="920"/>
      <c r="D33" s="920"/>
      <c r="E33" s="944"/>
      <c r="F33" s="944"/>
      <c r="G33" s="945"/>
      <c r="H33" s="931"/>
      <c r="I33" s="944">
        <f>SUM(I21:I32)</f>
        <v>-10469.576842111883</v>
      </c>
      <c r="J33" s="944"/>
      <c r="K33" s="944"/>
      <c r="L33" s="947">
        <f>SUM(L21:L32)</f>
        <v>-394427.65301748121</v>
      </c>
    </row>
    <row r="34" spans="1:12" ht="15.75">
      <c r="A34" s="173"/>
      <c r="B34" s="920"/>
      <c r="C34" s="920"/>
      <c r="D34" s="920"/>
      <c r="E34" s="944"/>
      <c r="F34" s="944"/>
      <c r="G34" s="945"/>
      <c r="H34" s="931"/>
      <c r="I34" s="944"/>
      <c r="J34" s="944" t="s">
        <v>416</v>
      </c>
      <c r="K34" s="944"/>
      <c r="L34" s="393"/>
    </row>
    <row r="35" spans="1:12" ht="15.75">
      <c r="A35" s="173"/>
      <c r="B35" s="920"/>
      <c r="C35" s="920"/>
      <c r="D35" s="920"/>
      <c r="E35" s="930"/>
      <c r="F35" s="930"/>
      <c r="G35" s="945"/>
      <c r="H35" s="931"/>
      <c r="I35" s="948" t="s">
        <v>588</v>
      </c>
      <c r="J35" s="944"/>
      <c r="K35" s="944"/>
      <c r="L35" s="944"/>
    </row>
    <row r="36" spans="1:12" ht="15.75">
      <c r="A36" s="173"/>
      <c r="B36" s="920" t="s">
        <v>589</v>
      </c>
      <c r="C36" s="920" t="str">
        <f>"Year 2019"</f>
        <v>Year 2019</v>
      </c>
      <c r="D36" s="920"/>
      <c r="E36" s="930">
        <f>L33</f>
        <v>-394427.65301748121</v>
      </c>
      <c r="F36" s="930"/>
      <c r="G36" s="945">
        <f>+G32</f>
        <v>4.1949999999999999E-3</v>
      </c>
      <c r="H36" s="1323">
        <v>12</v>
      </c>
      <c r="I36" s="944">
        <f>+H36*G36*E36</f>
        <v>-19855.488052900004</v>
      </c>
      <c r="J36" s="944"/>
      <c r="K36" s="944"/>
      <c r="L36" s="947">
        <f>+E36+I36</f>
        <v>-414283.14107038121</v>
      </c>
    </row>
    <row r="37" spans="1:12" ht="15.75">
      <c r="A37" s="173"/>
      <c r="B37" s="920"/>
      <c r="C37" s="920"/>
      <c r="D37" s="920"/>
      <c r="E37" s="930"/>
      <c r="F37" s="930"/>
      <c r="G37" s="945"/>
      <c r="H37" s="920"/>
      <c r="I37" s="944"/>
      <c r="J37" s="944"/>
      <c r="K37" s="944"/>
      <c r="L37" s="944"/>
    </row>
    <row r="38" spans="1:12" ht="15.75">
      <c r="A38" s="173"/>
      <c r="B38" s="949" t="s">
        <v>590</v>
      </c>
      <c r="C38" s="920"/>
      <c r="D38" s="920"/>
      <c r="E38" s="944"/>
      <c r="F38" s="944"/>
      <c r="G38" s="945"/>
      <c r="H38" s="920"/>
      <c r="I38" s="948" t="s">
        <v>575</v>
      </c>
      <c r="J38" s="944"/>
      <c r="K38" s="944"/>
      <c r="L38" s="944"/>
    </row>
    <row r="39" spans="1:12" ht="15.75">
      <c r="A39" s="173"/>
      <c r="B39" s="920" t="s">
        <v>576</v>
      </c>
      <c r="C39" s="920" t="str">
        <f>"Year 2021"</f>
        <v>Year 2021</v>
      </c>
      <c r="D39" s="920"/>
      <c r="E39" s="950">
        <f>-L36</f>
        <v>414283.14107038121</v>
      </c>
      <c r="F39" s="930"/>
      <c r="G39" s="945">
        <f>+G32</f>
        <v>4.1949999999999999E-3</v>
      </c>
      <c r="H39" s="920"/>
      <c r="I39" s="944">
        <f xml:space="preserve"> -G39*E39</f>
        <v>-1737.9177767902493</v>
      </c>
      <c r="J39" s="944">
        <f>PMT(G39,12,L$36)</f>
        <v>35472.191705055317</v>
      </c>
      <c r="K39" s="944"/>
      <c r="L39" s="944">
        <f>(+E39+E39*G39-J39)*-1</f>
        <v>-380548.86714211619</v>
      </c>
    </row>
    <row r="40" spans="1:12" ht="15.75">
      <c r="A40" s="173"/>
      <c r="B40" s="920" t="s">
        <v>577</v>
      </c>
      <c r="C40" s="920" t="str">
        <f>+C39</f>
        <v>Year 2021</v>
      </c>
      <c r="D40" s="920"/>
      <c r="E40" s="930">
        <f>-L39</f>
        <v>380548.86714211619</v>
      </c>
      <c r="F40" s="930"/>
      <c r="G40" s="945">
        <f>+G39</f>
        <v>4.1949999999999999E-3</v>
      </c>
      <c r="H40" s="920"/>
      <c r="I40" s="944">
        <f xml:space="preserve"> -G40*E40</f>
        <v>-1596.4024976611774</v>
      </c>
      <c r="J40" s="944">
        <f>J39</f>
        <v>35472.191705055317</v>
      </c>
      <c r="K40" s="944"/>
      <c r="L40" s="944">
        <f t="shared" ref="L40:L50" si="5">(+E40+E40*G40-J40)*-1</f>
        <v>-346673.07793472207</v>
      </c>
    </row>
    <row r="41" spans="1:12" ht="15.75">
      <c r="A41" s="173"/>
      <c r="B41" s="920" t="s">
        <v>578</v>
      </c>
      <c r="C41" s="920" t="str">
        <f>+C40</f>
        <v>Year 2021</v>
      </c>
      <c r="D41" s="920"/>
      <c r="E41" s="930">
        <f t="shared" ref="E41:E50" si="6">-L40</f>
        <v>346673.07793472207</v>
      </c>
      <c r="F41" s="930"/>
      <c r="G41" s="945">
        <f t="shared" ref="G41:G50" si="7">+G40</f>
        <v>4.1949999999999999E-3</v>
      </c>
      <c r="H41" s="920"/>
      <c r="I41" s="944">
        <f t="shared" ref="I41:I50" si="8" xml:space="preserve"> -G41*E41</f>
        <v>-1454.293561936159</v>
      </c>
      <c r="J41" s="944">
        <f t="shared" ref="J41:J50" si="9">J40</f>
        <v>35472.191705055317</v>
      </c>
      <c r="K41" s="944"/>
      <c r="L41" s="944">
        <f t="shared" si="5"/>
        <v>-312655.17979160295</v>
      </c>
    </row>
    <row r="42" spans="1:12" ht="15.75">
      <c r="A42" s="173"/>
      <c r="B42" s="920" t="s">
        <v>579</v>
      </c>
      <c r="C42" s="920" t="str">
        <f>+C41</f>
        <v>Year 2021</v>
      </c>
      <c r="D42" s="920"/>
      <c r="E42" s="930">
        <f t="shared" si="6"/>
        <v>312655.17979160295</v>
      </c>
      <c r="F42" s="930"/>
      <c r="G42" s="945">
        <f t="shared" si="7"/>
        <v>4.1949999999999999E-3</v>
      </c>
      <c r="H42" s="920"/>
      <c r="I42" s="944">
        <f t="shared" si="8"/>
        <v>-1311.5884792257743</v>
      </c>
      <c r="J42" s="944">
        <f t="shared" si="9"/>
        <v>35472.191705055317</v>
      </c>
      <c r="K42" s="944"/>
      <c r="L42" s="944">
        <f t="shared" si="5"/>
        <v>-278494.5765657734</v>
      </c>
    </row>
    <row r="43" spans="1:12" ht="15.75">
      <c r="A43" s="173"/>
      <c r="B43" s="920" t="s">
        <v>580</v>
      </c>
      <c r="C43" s="920" t="str">
        <f>+C42</f>
        <v>Year 2021</v>
      </c>
      <c r="D43" s="920"/>
      <c r="E43" s="930">
        <f t="shared" si="6"/>
        <v>278494.5765657734</v>
      </c>
      <c r="F43" s="930"/>
      <c r="G43" s="945">
        <f t="shared" si="7"/>
        <v>4.1949999999999999E-3</v>
      </c>
      <c r="H43" s="920"/>
      <c r="I43" s="944">
        <f t="shared" si="8"/>
        <v>-1168.2847486934195</v>
      </c>
      <c r="J43" s="944">
        <f>J42</f>
        <v>35472.191705055317</v>
      </c>
      <c r="K43" s="944"/>
      <c r="L43" s="944">
        <f t="shared" si="5"/>
        <v>-244190.6696094115</v>
      </c>
    </row>
    <row r="44" spans="1:12" ht="15.75">
      <c r="A44" s="173"/>
      <c r="B44" s="920" t="s">
        <v>581</v>
      </c>
      <c r="C44" s="920" t="str">
        <f>C43</f>
        <v>Year 2021</v>
      </c>
      <c r="D44" s="393"/>
      <c r="E44" s="930">
        <f t="shared" si="6"/>
        <v>244190.6696094115</v>
      </c>
      <c r="F44" s="930"/>
      <c r="G44" s="945">
        <f t="shared" si="7"/>
        <v>4.1949999999999999E-3</v>
      </c>
      <c r="H44" s="920"/>
      <c r="I44" s="944">
        <f t="shared" si="8"/>
        <v>-1024.3798590114811</v>
      </c>
      <c r="J44" s="944">
        <f t="shared" si="9"/>
        <v>35472.191705055317</v>
      </c>
      <c r="K44" s="944"/>
      <c r="L44" s="944">
        <f t="shared" si="5"/>
        <v>-209742.85776336765</v>
      </c>
    </row>
    <row r="45" spans="1:12" ht="15.75">
      <c r="A45" s="173"/>
      <c r="B45" s="920" t="s">
        <v>582</v>
      </c>
      <c r="C45" s="920" t="str">
        <f t="shared" ref="C45:C50" si="10">+C44</f>
        <v>Year 2021</v>
      </c>
      <c r="D45" s="920"/>
      <c r="E45" s="930">
        <f t="shared" si="6"/>
        <v>209742.85776336765</v>
      </c>
      <c r="F45" s="930"/>
      <c r="G45" s="945">
        <f t="shared" si="7"/>
        <v>4.1949999999999999E-3</v>
      </c>
      <c r="H45" s="920"/>
      <c r="I45" s="944">
        <f t="shared" si="8"/>
        <v>-879.8712883173273</v>
      </c>
      <c r="J45" s="944">
        <f t="shared" si="9"/>
        <v>35472.191705055317</v>
      </c>
      <c r="K45" s="944"/>
      <c r="L45" s="944">
        <f t="shared" si="5"/>
        <v>-175150.53734662966</v>
      </c>
    </row>
    <row r="46" spans="1:12" ht="15.75">
      <c r="A46" s="173"/>
      <c r="B46" s="920" t="s">
        <v>583</v>
      </c>
      <c r="C46" s="920" t="str">
        <f t="shared" si="10"/>
        <v>Year 2021</v>
      </c>
      <c r="D46" s="920"/>
      <c r="E46" s="930">
        <f t="shared" si="6"/>
        <v>175150.53734662966</v>
      </c>
      <c r="F46" s="930"/>
      <c r="G46" s="945">
        <f t="shared" si="7"/>
        <v>4.1949999999999999E-3</v>
      </c>
      <c r="H46" s="920"/>
      <c r="I46" s="944">
        <f t="shared" si="8"/>
        <v>-734.75650416911139</v>
      </c>
      <c r="J46" s="944">
        <f t="shared" si="9"/>
        <v>35472.191705055317</v>
      </c>
      <c r="K46" s="944"/>
      <c r="L46" s="944">
        <f t="shared" si="5"/>
        <v>-140413.10214574344</v>
      </c>
    </row>
    <row r="47" spans="1:12" ht="15.75">
      <c r="A47" s="173"/>
      <c r="B47" s="920" t="s">
        <v>584</v>
      </c>
      <c r="C47" s="920" t="str">
        <f t="shared" si="10"/>
        <v>Year 2021</v>
      </c>
      <c r="D47" s="920"/>
      <c r="E47" s="930">
        <f t="shared" si="6"/>
        <v>140413.10214574344</v>
      </c>
      <c r="F47" s="930"/>
      <c r="G47" s="945">
        <f t="shared" si="7"/>
        <v>4.1949999999999999E-3</v>
      </c>
      <c r="H47" s="920"/>
      <c r="I47" s="944">
        <f t="shared" si="8"/>
        <v>-589.03296350139374</v>
      </c>
      <c r="J47" s="944">
        <f>J46</f>
        <v>35472.191705055317</v>
      </c>
      <c r="K47" s="944"/>
      <c r="L47" s="944">
        <f t="shared" si="5"/>
        <v>-105529.94340418953</v>
      </c>
    </row>
    <row r="48" spans="1:12" ht="15.75">
      <c r="A48" s="173"/>
      <c r="B48" s="920" t="s">
        <v>585</v>
      </c>
      <c r="C48" s="920" t="str">
        <f t="shared" si="10"/>
        <v>Year 2021</v>
      </c>
      <c r="D48" s="920"/>
      <c r="E48" s="930">
        <f t="shared" si="6"/>
        <v>105529.94340418953</v>
      </c>
      <c r="F48" s="930"/>
      <c r="G48" s="945">
        <f t="shared" si="7"/>
        <v>4.1949999999999999E-3</v>
      </c>
      <c r="H48" s="920"/>
      <c r="I48" s="944">
        <f t="shared" si="8"/>
        <v>-442.69811258057507</v>
      </c>
      <c r="J48" s="944">
        <f t="shared" si="9"/>
        <v>35472.191705055317</v>
      </c>
      <c r="K48" s="944"/>
      <c r="L48" s="944">
        <f t="shared" si="5"/>
        <v>-70500.449811714789</v>
      </c>
    </row>
    <row r="49" spans="1:12" ht="15.75">
      <c r="A49" s="173"/>
      <c r="B49" s="920" t="s">
        <v>586</v>
      </c>
      <c r="C49" s="920" t="str">
        <f t="shared" si="10"/>
        <v>Year 2021</v>
      </c>
      <c r="D49" s="920"/>
      <c r="E49" s="930">
        <f t="shared" si="6"/>
        <v>70500.449811714789</v>
      </c>
      <c r="F49" s="930"/>
      <c r="G49" s="945">
        <f t="shared" si="7"/>
        <v>4.1949999999999999E-3</v>
      </c>
      <c r="H49" s="920"/>
      <c r="I49" s="944">
        <f t="shared" si="8"/>
        <v>-295.74938696014351</v>
      </c>
      <c r="J49" s="944">
        <f t="shared" si="9"/>
        <v>35472.191705055317</v>
      </c>
      <c r="K49" s="944"/>
      <c r="L49" s="944">
        <f t="shared" si="5"/>
        <v>-35324.007493619618</v>
      </c>
    </row>
    <row r="50" spans="1:12" ht="15.75">
      <c r="A50" s="173"/>
      <c r="B50" s="920" t="s">
        <v>587</v>
      </c>
      <c r="C50" s="920" t="str">
        <f t="shared" si="10"/>
        <v>Year 2021</v>
      </c>
      <c r="D50" s="920"/>
      <c r="E50" s="930">
        <f t="shared" si="6"/>
        <v>35324.007493619618</v>
      </c>
      <c r="F50" s="930"/>
      <c r="G50" s="945">
        <f t="shared" si="7"/>
        <v>4.1949999999999999E-3</v>
      </c>
      <c r="H50" s="920"/>
      <c r="I50" s="946">
        <f t="shared" si="8"/>
        <v>-148.18421143573428</v>
      </c>
      <c r="J50" s="944">
        <f t="shared" si="9"/>
        <v>35472.191705055317</v>
      </c>
      <c r="K50" s="944"/>
      <c r="L50" s="944">
        <f t="shared" si="5"/>
        <v>-3.637978807091713E-11</v>
      </c>
    </row>
    <row r="51" spans="1:12" ht="15.75">
      <c r="A51" s="173"/>
      <c r="B51" s="920"/>
      <c r="C51" s="920"/>
      <c r="D51" s="920"/>
      <c r="E51" s="930"/>
      <c r="F51" s="930"/>
      <c r="G51" s="945"/>
      <c r="H51" s="920"/>
      <c r="I51" s="944">
        <f>SUM(I39:I50)</f>
        <v>-11383.159390282546</v>
      </c>
      <c r="J51" s="944"/>
      <c r="K51" s="944"/>
      <c r="L51" s="944"/>
    </row>
    <row r="52" spans="1:12" ht="15">
      <c r="A52" s="173"/>
      <c r="B52" s="393"/>
      <c r="C52" s="393"/>
      <c r="D52" s="393"/>
      <c r="E52" s="393"/>
      <c r="F52" s="393"/>
      <c r="G52" s="393"/>
      <c r="H52" s="393"/>
      <c r="I52" s="393"/>
      <c r="J52" s="951"/>
      <c r="K52" s="393"/>
      <c r="L52" s="393"/>
    </row>
    <row r="53" spans="1:12" ht="15.75">
      <c r="A53" s="173"/>
      <c r="B53" s="920" t="s">
        <v>591</v>
      </c>
      <c r="C53" s="393"/>
      <c r="D53" s="393"/>
      <c r="E53" s="393"/>
      <c r="F53" s="393"/>
      <c r="G53" s="393"/>
      <c r="H53" s="393"/>
      <c r="I53" s="393"/>
      <c r="J53" s="952">
        <f>(SUM(J39:J50)*-1)</f>
        <v>-425666.30046066368</v>
      </c>
      <c r="K53" s="393"/>
      <c r="L53" s="393"/>
    </row>
    <row r="54" spans="1:12" ht="15.75">
      <c r="A54" s="173"/>
      <c r="B54" s="920" t="s">
        <v>592</v>
      </c>
      <c r="C54" s="393"/>
      <c r="D54" s="393"/>
      <c r="E54" s="393"/>
      <c r="F54" s="393"/>
      <c r="G54" s="393"/>
      <c r="H54" s="393"/>
      <c r="I54" s="393"/>
      <c r="J54" s="953">
        <f>+I10</f>
        <v>383958.07617536932</v>
      </c>
      <c r="K54" s="393"/>
      <c r="L54" s="393"/>
    </row>
    <row r="55" spans="1:12" ht="15.75">
      <c r="A55" s="173"/>
      <c r="B55" s="920" t="s">
        <v>593</v>
      </c>
      <c r="C55" s="393"/>
      <c r="D55" s="393"/>
      <c r="E55" s="393"/>
      <c r="F55" s="393"/>
      <c r="G55" s="393"/>
      <c r="H55" s="393"/>
      <c r="I55" s="393"/>
      <c r="J55" s="952">
        <f>(J53+J54)</f>
        <v>-41708.22428529436</v>
      </c>
      <c r="K55" s="393"/>
      <c r="L55" s="393"/>
    </row>
    <row r="56" spans="1:12">
      <c r="A56" s="173"/>
      <c r="B56" s="392"/>
      <c r="C56" s="392"/>
      <c r="D56" s="392"/>
      <c r="E56" s="392"/>
      <c r="F56" s="392"/>
      <c r="G56" s="392"/>
      <c r="H56" s="392"/>
      <c r="I56" s="392"/>
      <c r="J56" s="392"/>
      <c r="K56" s="392"/>
      <c r="L56" s="392"/>
    </row>
    <row r="57" spans="1:12" ht="50.25" customHeight="1">
      <c r="A57" s="173"/>
      <c r="B57" s="1532" t="s">
        <v>594</v>
      </c>
      <c r="C57" s="1532"/>
      <c r="D57" s="1532"/>
      <c r="E57" s="1532"/>
      <c r="F57" s="1532"/>
      <c r="G57" s="1532"/>
      <c r="H57" s="1532"/>
      <c r="I57" s="1532"/>
      <c r="J57" s="1532"/>
      <c r="K57" s="1326"/>
      <c r="L57" s="1326"/>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0" sqref="B10"/>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531" t="s">
        <v>618</v>
      </c>
      <c r="C1" s="1531"/>
      <c r="D1" s="1531"/>
      <c r="E1" s="1531"/>
      <c r="F1" s="1531"/>
      <c r="G1" s="1531"/>
      <c r="H1" s="1531"/>
      <c r="I1" s="1531"/>
      <c r="J1" s="1531"/>
      <c r="K1" s="1531"/>
      <c r="L1" s="1531"/>
    </row>
    <row r="2" spans="1:12" ht="15.75">
      <c r="A2" s="173"/>
      <c r="B2" s="1530" t="s">
        <v>565</v>
      </c>
      <c r="C2" s="1530"/>
      <c r="D2" s="1530"/>
      <c r="E2" s="1530"/>
      <c r="F2" s="1530"/>
      <c r="G2" s="1530"/>
      <c r="H2" s="1530"/>
      <c r="I2" s="1530"/>
      <c r="J2" s="1530"/>
      <c r="K2" s="1530"/>
      <c r="L2" s="1530"/>
    </row>
    <row r="3" spans="1:12" ht="15.75">
      <c r="A3" s="173"/>
      <c r="B3" s="1530" t="s">
        <v>595</v>
      </c>
      <c r="C3" s="1530"/>
      <c r="D3" s="1530"/>
      <c r="E3" s="1530"/>
      <c r="F3" s="1530"/>
      <c r="G3" s="1530"/>
      <c r="H3" s="1530"/>
      <c r="I3" s="1530"/>
      <c r="J3" s="1530"/>
      <c r="K3" s="1530"/>
      <c r="L3" s="1530"/>
    </row>
    <row r="4" spans="1:12" ht="15.75">
      <c r="A4" s="173"/>
      <c r="B4" s="393"/>
      <c r="C4" s="393"/>
      <c r="D4" s="393"/>
      <c r="E4" s="1530"/>
      <c r="F4" s="1530"/>
      <c r="G4" s="1530"/>
      <c r="H4" s="1530"/>
      <c r="I4" s="393"/>
      <c r="J4" s="393"/>
      <c r="K4" s="393"/>
      <c r="L4" s="393"/>
    </row>
    <row r="5" spans="1:12">
      <c r="A5" s="173"/>
      <c r="B5" s="392"/>
      <c r="C5" s="392"/>
      <c r="D5" s="392"/>
      <c r="E5" s="392"/>
      <c r="F5" s="392"/>
      <c r="G5" s="392"/>
      <c r="H5" s="392"/>
      <c r="I5" s="392"/>
      <c r="J5" s="392"/>
      <c r="K5" s="392"/>
      <c r="L5" s="392"/>
    </row>
    <row r="6" spans="1:12">
      <c r="A6" s="173"/>
      <c r="B6" s="392"/>
      <c r="C6" s="392"/>
      <c r="D6" s="392"/>
      <c r="E6" s="392"/>
      <c r="F6" s="392"/>
      <c r="G6" s="392"/>
      <c r="H6" s="392"/>
      <c r="I6" s="392"/>
      <c r="J6" s="392"/>
      <c r="K6" s="392"/>
      <c r="L6" s="392"/>
    </row>
    <row r="7" spans="1:12" ht="16.5" thickBot="1">
      <c r="A7" s="173"/>
      <c r="B7" s="919"/>
      <c r="C7" s="920"/>
      <c r="D7" s="920"/>
      <c r="E7" s="920"/>
      <c r="F7" s="920"/>
      <c r="G7" s="920"/>
      <c r="H7" s="920"/>
      <c r="I7" s="920"/>
      <c r="J7" s="920"/>
      <c r="K7" s="920"/>
      <c r="L7" s="920"/>
    </row>
    <row r="8" spans="1:12" ht="47.25">
      <c r="A8" s="173"/>
      <c r="B8" s="921" t="str">
        <f>"Reconciliation Revenue Requirement For Year 2019 Available May 25, 2020"</f>
        <v>Reconciliation Revenue Requirement For Year 2019 Available May 25, 2020</v>
      </c>
      <c r="C8" s="920"/>
      <c r="D8" s="920"/>
      <c r="E8" s="921" t="s">
        <v>922</v>
      </c>
      <c r="F8" s="920"/>
      <c r="G8" s="920"/>
      <c r="H8" s="393"/>
      <c r="I8" s="921" t="s">
        <v>567</v>
      </c>
      <c r="J8" s="393"/>
      <c r="K8" s="393"/>
      <c r="L8" s="393"/>
    </row>
    <row r="9" spans="1:12" ht="15.75">
      <c r="A9" s="173"/>
      <c r="B9" s="922" t="s">
        <v>416</v>
      </c>
      <c r="C9" s="920"/>
      <c r="D9" s="920"/>
      <c r="E9" s="922"/>
      <c r="F9" s="920"/>
      <c r="G9" s="920"/>
      <c r="H9" s="393"/>
      <c r="I9" s="923"/>
      <c r="J9" s="393"/>
      <c r="K9" s="393"/>
      <c r="L9" s="393"/>
    </row>
    <row r="10" spans="1:12" ht="16.5" thickBot="1">
      <c r="A10" s="173"/>
      <c r="B10" s="918">
        <v>750874</v>
      </c>
      <c r="C10" s="924" t="str">
        <f>"-"</f>
        <v>-</v>
      </c>
      <c r="D10" s="925"/>
      <c r="E10" s="918">
        <v>1294000</v>
      </c>
      <c r="F10" s="926"/>
      <c r="G10" s="927" t="str">
        <f>"="</f>
        <v>=</v>
      </c>
      <c r="H10" s="928"/>
      <c r="I10" s="929">
        <f>IF(B10=0,0,E10-B10)</f>
        <v>543126</v>
      </c>
      <c r="J10" s="393"/>
      <c r="K10" s="393"/>
      <c r="L10" s="393"/>
    </row>
    <row r="11" spans="1:12" ht="15.75">
      <c r="A11" s="173"/>
      <c r="B11" s="930"/>
      <c r="C11" s="931"/>
      <c r="D11" s="931"/>
      <c r="E11" s="930"/>
      <c r="F11" s="930"/>
      <c r="G11" s="931"/>
      <c r="H11" s="930"/>
      <c r="I11" s="393"/>
      <c r="J11" s="393"/>
      <c r="K11" s="393"/>
      <c r="L11" s="393"/>
    </row>
    <row r="12" spans="1:12" ht="16.5" thickBot="1">
      <c r="A12" s="173"/>
      <c r="B12" s="932"/>
      <c r="C12" s="933"/>
      <c r="D12" s="933"/>
      <c r="E12" s="932"/>
      <c r="F12" s="932"/>
      <c r="G12" s="933"/>
      <c r="H12" s="932"/>
      <c r="I12" s="934"/>
      <c r="J12" s="934"/>
      <c r="K12" s="934"/>
      <c r="L12" s="934"/>
    </row>
    <row r="13" spans="1:12" ht="15.75">
      <c r="A13" s="173"/>
      <c r="B13" s="935"/>
      <c r="C13" s="931"/>
      <c r="D13" s="931"/>
      <c r="E13" s="930"/>
      <c r="F13" s="930"/>
      <c r="G13" s="931"/>
      <c r="H13" s="930"/>
      <c r="I13" s="393"/>
      <c r="J13" s="393"/>
      <c r="K13" s="393"/>
      <c r="L13" s="393"/>
    </row>
    <row r="14" spans="1:12" ht="47.25">
      <c r="A14" s="173"/>
      <c r="B14" s="936" t="s">
        <v>624</v>
      </c>
      <c r="C14" s="931"/>
      <c r="D14" s="931"/>
      <c r="E14" s="937" t="s">
        <v>568</v>
      </c>
      <c r="F14" s="930"/>
      <c r="G14" s="937" t="s">
        <v>569</v>
      </c>
      <c r="H14" s="938" t="s">
        <v>570</v>
      </c>
      <c r="I14" s="939" t="s">
        <v>571</v>
      </c>
      <c r="J14" s="937" t="s">
        <v>572</v>
      </c>
      <c r="K14" s="940"/>
      <c r="L14" s="937" t="s">
        <v>573</v>
      </c>
    </row>
    <row r="15" spans="1:12" ht="15.75">
      <c r="A15" s="173"/>
      <c r="B15" s="936" t="s">
        <v>831</v>
      </c>
      <c r="C15" s="931"/>
      <c r="D15" s="931"/>
      <c r="E15" s="393"/>
      <c r="F15" s="941"/>
      <c r="G15" s="954">
        <f>'WS R Interest'!G15</f>
        <v>4.1949999999999999E-3</v>
      </c>
      <c r="H15" s="173"/>
      <c r="I15" s="393"/>
      <c r="J15" s="393"/>
      <c r="K15" s="393"/>
      <c r="L15" s="393"/>
    </row>
    <row r="16" spans="1:12" ht="15.75">
      <c r="A16" s="173"/>
      <c r="B16" s="936"/>
      <c r="C16" s="931"/>
      <c r="D16" s="931"/>
      <c r="E16" s="393"/>
      <c r="F16" s="941"/>
      <c r="G16" s="941"/>
      <c r="H16" s="930"/>
      <c r="I16" s="393"/>
      <c r="J16" s="393"/>
      <c r="K16" s="393"/>
      <c r="L16" s="393"/>
    </row>
    <row r="17" spans="1:12" ht="15.75">
      <c r="A17" s="173"/>
      <c r="B17" s="936" t="s">
        <v>843</v>
      </c>
      <c r="C17" s="931"/>
      <c r="D17" s="931"/>
      <c r="E17" s="393"/>
      <c r="F17" s="941"/>
      <c r="G17" s="941"/>
      <c r="H17" s="930"/>
      <c r="I17" s="393"/>
      <c r="J17" s="393"/>
      <c r="K17" s="393"/>
      <c r="L17" s="393"/>
    </row>
    <row r="18" spans="1:12" ht="15.75">
      <c r="A18" s="173"/>
      <c r="B18" s="942" t="s">
        <v>416</v>
      </c>
      <c r="C18" s="931"/>
      <c r="D18" s="931"/>
      <c r="E18" s="931"/>
      <c r="F18" s="931"/>
      <c r="G18" s="931" t="s">
        <v>416</v>
      </c>
      <c r="H18" s="393"/>
      <c r="I18" s="393"/>
      <c r="J18" s="393"/>
      <c r="K18" s="393"/>
      <c r="L18" s="393"/>
    </row>
    <row r="19" spans="1:12" ht="15.75">
      <c r="A19" s="173"/>
      <c r="B19" s="943"/>
      <c r="C19" s="931"/>
      <c r="D19" s="931"/>
      <c r="E19" s="931"/>
      <c r="F19" s="931"/>
      <c r="G19" s="393"/>
      <c r="H19" s="393"/>
      <c r="I19" s="938"/>
      <c r="J19" s="931"/>
      <c r="K19" s="931"/>
      <c r="L19" s="931"/>
    </row>
    <row r="20" spans="1:12" ht="15.75">
      <c r="A20" s="173"/>
      <c r="B20" s="943" t="s">
        <v>574</v>
      </c>
      <c r="C20" s="931"/>
      <c r="D20" s="931"/>
      <c r="E20" s="931"/>
      <c r="F20" s="931"/>
      <c r="G20" s="393"/>
      <c r="H20" s="393"/>
      <c r="I20" s="938" t="s">
        <v>575</v>
      </c>
      <c r="J20" s="931"/>
      <c r="K20" s="931"/>
      <c r="L20" s="931"/>
    </row>
    <row r="21" spans="1:12" ht="15.75">
      <c r="A21" s="173"/>
      <c r="B21" s="920" t="s">
        <v>576</v>
      </c>
      <c r="C21" s="920" t="str">
        <f>"Year 2019"</f>
        <v>Year 2019</v>
      </c>
      <c r="D21" s="920"/>
      <c r="E21" s="944">
        <f>I10/12</f>
        <v>45260.5</v>
      </c>
      <c r="F21" s="944"/>
      <c r="G21" s="945">
        <f>+G15</f>
        <v>4.1949999999999999E-3</v>
      </c>
      <c r="H21" s="1323">
        <v>12</v>
      </c>
      <c r="I21" s="944">
        <f>G21*E21*H21*-1</f>
        <v>-2278.4135699999997</v>
      </c>
      <c r="J21" s="944"/>
      <c r="K21" s="944"/>
      <c r="L21" s="944">
        <f>(-I21+E21)*-1</f>
        <v>-47538.913569999997</v>
      </c>
    </row>
    <row r="22" spans="1:12" ht="15.75">
      <c r="A22" s="173"/>
      <c r="B22" s="920" t="s">
        <v>577</v>
      </c>
      <c r="C22" s="920" t="str">
        <f>C21</f>
        <v>Year 2019</v>
      </c>
      <c r="D22" s="920"/>
      <c r="E22" s="944">
        <f>+E21</f>
        <v>45260.5</v>
      </c>
      <c r="F22" s="944"/>
      <c r="G22" s="945">
        <f>+G21</f>
        <v>4.1949999999999999E-3</v>
      </c>
      <c r="H22" s="1323">
        <f t="shared" ref="H22:H32" si="0">+H21-1</f>
        <v>11</v>
      </c>
      <c r="I22" s="944">
        <f t="shared" ref="I22:I32" si="1">G22*E22*H22*-1</f>
        <v>-2088.5457725000001</v>
      </c>
      <c r="J22" s="944"/>
      <c r="K22" s="944"/>
      <c r="L22" s="944">
        <f t="shared" ref="L22:L32" si="2">(-I22+E22)*-1</f>
        <v>-47349.045772500001</v>
      </c>
    </row>
    <row r="23" spans="1:12" ht="15.75">
      <c r="A23" s="173"/>
      <c r="B23" s="920" t="s">
        <v>578</v>
      </c>
      <c r="C23" s="920" t="str">
        <f>C21</f>
        <v>Year 2019</v>
      </c>
      <c r="D23" s="920"/>
      <c r="E23" s="944">
        <f t="shared" ref="E23:E32" si="3">+E22</f>
        <v>45260.5</v>
      </c>
      <c r="F23" s="944"/>
      <c r="G23" s="945">
        <f t="shared" ref="G23:G32" si="4">+G22</f>
        <v>4.1949999999999999E-3</v>
      </c>
      <c r="H23" s="1323">
        <f t="shared" si="0"/>
        <v>10</v>
      </c>
      <c r="I23" s="944">
        <f t="shared" si="1"/>
        <v>-1898.6779750000001</v>
      </c>
      <c r="J23" s="944"/>
      <c r="K23" s="944"/>
      <c r="L23" s="944">
        <f t="shared" si="2"/>
        <v>-47159.177974999999</v>
      </c>
    </row>
    <row r="24" spans="1:12" ht="15.75">
      <c r="A24" s="173"/>
      <c r="B24" s="920" t="s">
        <v>579</v>
      </c>
      <c r="C24" s="920" t="str">
        <f>C21</f>
        <v>Year 2019</v>
      </c>
      <c r="D24" s="920"/>
      <c r="E24" s="944">
        <f t="shared" si="3"/>
        <v>45260.5</v>
      </c>
      <c r="F24" s="944"/>
      <c r="G24" s="945">
        <f t="shared" si="4"/>
        <v>4.1949999999999999E-3</v>
      </c>
      <c r="H24" s="1323">
        <f t="shared" si="0"/>
        <v>9</v>
      </c>
      <c r="I24" s="944">
        <f t="shared" si="1"/>
        <v>-1708.8101775</v>
      </c>
      <c r="J24" s="944"/>
      <c r="K24" s="944"/>
      <c r="L24" s="944">
        <f t="shared" si="2"/>
        <v>-46969.310177500003</v>
      </c>
    </row>
    <row r="25" spans="1:12" ht="15.75">
      <c r="A25" s="173"/>
      <c r="B25" s="920" t="s">
        <v>580</v>
      </c>
      <c r="C25" s="920" t="str">
        <f>C21</f>
        <v>Year 2019</v>
      </c>
      <c r="D25" s="920"/>
      <c r="E25" s="944">
        <f t="shared" si="3"/>
        <v>45260.5</v>
      </c>
      <c r="F25" s="944"/>
      <c r="G25" s="945">
        <f t="shared" si="4"/>
        <v>4.1949999999999999E-3</v>
      </c>
      <c r="H25" s="1323">
        <f t="shared" si="0"/>
        <v>8</v>
      </c>
      <c r="I25" s="944">
        <f t="shared" si="1"/>
        <v>-1518.94238</v>
      </c>
      <c r="J25" s="944"/>
      <c r="K25" s="944"/>
      <c r="L25" s="944">
        <f t="shared" si="2"/>
        <v>-46779.44238</v>
      </c>
    </row>
    <row r="26" spans="1:12" ht="15.75">
      <c r="A26" s="173"/>
      <c r="B26" s="920" t="s">
        <v>581</v>
      </c>
      <c r="C26" s="920" t="str">
        <f>C21</f>
        <v>Year 2019</v>
      </c>
      <c r="D26" s="920"/>
      <c r="E26" s="944">
        <f t="shared" si="3"/>
        <v>45260.5</v>
      </c>
      <c r="F26" s="944"/>
      <c r="G26" s="945">
        <f t="shared" si="4"/>
        <v>4.1949999999999999E-3</v>
      </c>
      <c r="H26" s="1323">
        <f t="shared" si="0"/>
        <v>7</v>
      </c>
      <c r="I26" s="944">
        <f t="shared" si="1"/>
        <v>-1329.0745824999999</v>
      </c>
      <c r="J26" s="944"/>
      <c r="K26" s="944"/>
      <c r="L26" s="944">
        <f t="shared" si="2"/>
        <v>-46589.574582499998</v>
      </c>
    </row>
    <row r="27" spans="1:12" ht="15.75">
      <c r="A27" s="173"/>
      <c r="B27" s="920" t="s">
        <v>582</v>
      </c>
      <c r="C27" s="920" t="str">
        <f>C21</f>
        <v>Year 2019</v>
      </c>
      <c r="D27" s="920"/>
      <c r="E27" s="944">
        <f t="shared" si="3"/>
        <v>45260.5</v>
      </c>
      <c r="F27" s="944"/>
      <c r="G27" s="945">
        <f t="shared" si="4"/>
        <v>4.1949999999999999E-3</v>
      </c>
      <c r="H27" s="1323">
        <f t="shared" si="0"/>
        <v>6</v>
      </c>
      <c r="I27" s="944">
        <f t="shared" si="1"/>
        <v>-1139.2067849999999</v>
      </c>
      <c r="J27" s="944"/>
      <c r="K27" s="944"/>
      <c r="L27" s="944">
        <f t="shared" si="2"/>
        <v>-46399.706785000002</v>
      </c>
    </row>
    <row r="28" spans="1:12" ht="15.75">
      <c r="A28" s="173"/>
      <c r="B28" s="920" t="s">
        <v>583</v>
      </c>
      <c r="C28" s="920" t="str">
        <f>C21</f>
        <v>Year 2019</v>
      </c>
      <c r="D28" s="920"/>
      <c r="E28" s="944">
        <f t="shared" si="3"/>
        <v>45260.5</v>
      </c>
      <c r="F28" s="944"/>
      <c r="G28" s="945">
        <f t="shared" si="4"/>
        <v>4.1949999999999999E-3</v>
      </c>
      <c r="H28" s="1323">
        <f t="shared" si="0"/>
        <v>5</v>
      </c>
      <c r="I28" s="944">
        <f t="shared" si="1"/>
        <v>-949.33898750000003</v>
      </c>
      <c r="J28" s="944"/>
      <c r="K28" s="944"/>
      <c r="L28" s="944">
        <f t="shared" si="2"/>
        <v>-46209.838987499999</v>
      </c>
    </row>
    <row r="29" spans="1:12" ht="15.75">
      <c r="A29" s="173"/>
      <c r="B29" s="920" t="s">
        <v>584</v>
      </c>
      <c r="C29" s="920" t="str">
        <f>C21</f>
        <v>Year 2019</v>
      </c>
      <c r="D29" s="920"/>
      <c r="E29" s="944">
        <f t="shared" si="3"/>
        <v>45260.5</v>
      </c>
      <c r="F29" s="944"/>
      <c r="G29" s="945">
        <f t="shared" si="4"/>
        <v>4.1949999999999999E-3</v>
      </c>
      <c r="H29" s="1323">
        <f t="shared" si="0"/>
        <v>4</v>
      </c>
      <c r="I29" s="944">
        <f t="shared" si="1"/>
        <v>-759.47118999999998</v>
      </c>
      <c r="J29" s="944"/>
      <c r="K29" s="944"/>
      <c r="L29" s="944">
        <f t="shared" si="2"/>
        <v>-46019.971189999997</v>
      </c>
    </row>
    <row r="30" spans="1:12" ht="15.75">
      <c r="A30" s="173"/>
      <c r="B30" s="920" t="s">
        <v>585</v>
      </c>
      <c r="C30" s="920" t="str">
        <f>C21</f>
        <v>Year 2019</v>
      </c>
      <c r="D30" s="920"/>
      <c r="E30" s="944">
        <f t="shared" si="3"/>
        <v>45260.5</v>
      </c>
      <c r="F30" s="944"/>
      <c r="G30" s="945">
        <f t="shared" si="4"/>
        <v>4.1949999999999999E-3</v>
      </c>
      <c r="H30" s="1323">
        <f t="shared" si="0"/>
        <v>3</v>
      </c>
      <c r="I30" s="944">
        <f t="shared" si="1"/>
        <v>-569.60339249999993</v>
      </c>
      <c r="J30" s="944"/>
      <c r="K30" s="944"/>
      <c r="L30" s="944">
        <f t="shared" si="2"/>
        <v>-45830.103392500001</v>
      </c>
    </row>
    <row r="31" spans="1:12" ht="15.75">
      <c r="A31" s="173"/>
      <c r="B31" s="920" t="s">
        <v>586</v>
      </c>
      <c r="C31" s="920" t="str">
        <f>C21</f>
        <v>Year 2019</v>
      </c>
      <c r="D31" s="920"/>
      <c r="E31" s="944">
        <f t="shared" si="3"/>
        <v>45260.5</v>
      </c>
      <c r="F31" s="944"/>
      <c r="G31" s="945">
        <f t="shared" si="4"/>
        <v>4.1949999999999999E-3</v>
      </c>
      <c r="H31" s="1323">
        <f t="shared" si="0"/>
        <v>2</v>
      </c>
      <c r="I31" s="944">
        <f t="shared" si="1"/>
        <v>-379.73559499999999</v>
      </c>
      <c r="J31" s="944"/>
      <c r="K31" s="944"/>
      <c r="L31" s="944">
        <f t="shared" si="2"/>
        <v>-45640.235594999998</v>
      </c>
    </row>
    <row r="32" spans="1:12" ht="15.75">
      <c r="A32" s="173"/>
      <c r="B32" s="920" t="s">
        <v>587</v>
      </c>
      <c r="C32" s="920" t="str">
        <f>C21</f>
        <v>Year 2019</v>
      </c>
      <c r="D32" s="920"/>
      <c r="E32" s="944">
        <f t="shared" si="3"/>
        <v>45260.5</v>
      </c>
      <c r="F32" s="944"/>
      <c r="G32" s="945">
        <f t="shared" si="4"/>
        <v>4.1949999999999999E-3</v>
      </c>
      <c r="H32" s="1323">
        <f t="shared" si="0"/>
        <v>1</v>
      </c>
      <c r="I32" s="946">
        <f t="shared" si="1"/>
        <v>-189.86779749999999</v>
      </c>
      <c r="J32" s="944"/>
      <c r="K32" s="944"/>
      <c r="L32" s="944">
        <f t="shared" si="2"/>
        <v>-45450.367797500003</v>
      </c>
    </row>
    <row r="33" spans="1:12" ht="15.75">
      <c r="A33" s="173"/>
      <c r="B33" s="920"/>
      <c r="C33" s="920"/>
      <c r="D33" s="920"/>
      <c r="E33" s="944"/>
      <c r="F33" s="944"/>
      <c r="G33" s="945"/>
      <c r="H33" s="931"/>
      <c r="I33" s="944">
        <f>SUM(I21:I32)</f>
        <v>-14809.688204999999</v>
      </c>
      <c r="J33" s="944"/>
      <c r="K33" s="944"/>
      <c r="L33" s="947">
        <f>SUM(L21:L32)</f>
        <v>-557935.68820500001</v>
      </c>
    </row>
    <row r="34" spans="1:12" ht="15.75">
      <c r="A34" s="173"/>
      <c r="B34" s="920"/>
      <c r="C34" s="920"/>
      <c r="D34" s="920"/>
      <c r="E34" s="944"/>
      <c r="F34" s="944"/>
      <c r="G34" s="945"/>
      <c r="H34" s="931"/>
      <c r="I34" s="944"/>
      <c r="J34" s="944" t="s">
        <v>416</v>
      </c>
      <c r="K34" s="944"/>
      <c r="L34" s="393"/>
    </row>
    <row r="35" spans="1:12" ht="15.75">
      <c r="A35" s="173"/>
      <c r="B35" s="920"/>
      <c r="C35" s="920"/>
      <c r="D35" s="920"/>
      <c r="E35" s="930"/>
      <c r="F35" s="930"/>
      <c r="G35" s="945"/>
      <c r="H35" s="931"/>
      <c r="I35" s="948" t="s">
        <v>588</v>
      </c>
      <c r="J35" s="944"/>
      <c r="K35" s="944"/>
      <c r="L35" s="944"/>
    </row>
    <row r="36" spans="1:12" ht="15.75">
      <c r="A36" s="173"/>
      <c r="B36" s="920" t="s">
        <v>589</v>
      </c>
      <c r="C36" s="920" t="str">
        <f>"Year 2019"</f>
        <v>Year 2019</v>
      </c>
      <c r="D36" s="920"/>
      <c r="E36" s="930">
        <f>L33</f>
        <v>-557935.68820500001</v>
      </c>
      <c r="F36" s="930"/>
      <c r="G36" s="945">
        <f>+G32</f>
        <v>4.1949999999999999E-3</v>
      </c>
      <c r="H36" s="1323">
        <v>12</v>
      </c>
      <c r="I36" s="944">
        <f>+H36*G36*E36</f>
        <v>-28086.482544239698</v>
      </c>
      <c r="J36" s="944"/>
      <c r="K36" s="944"/>
      <c r="L36" s="947">
        <f>+E36+I36</f>
        <v>-586022.17074923974</v>
      </c>
    </row>
    <row r="37" spans="1:12" ht="15.75">
      <c r="A37" s="173"/>
      <c r="B37" s="920"/>
      <c r="C37" s="920"/>
      <c r="D37" s="920"/>
      <c r="E37" s="930"/>
      <c r="F37" s="930"/>
      <c r="G37" s="945"/>
      <c r="H37" s="920"/>
      <c r="I37" s="944"/>
      <c r="J37" s="944"/>
      <c r="K37" s="944"/>
      <c r="L37" s="944"/>
    </row>
    <row r="38" spans="1:12" ht="15.75">
      <c r="A38" s="173"/>
      <c r="B38" s="949" t="s">
        <v>590</v>
      </c>
      <c r="C38" s="920"/>
      <c r="D38" s="920"/>
      <c r="E38" s="944"/>
      <c r="F38" s="944"/>
      <c r="G38" s="945"/>
      <c r="H38" s="920"/>
      <c r="I38" s="948" t="s">
        <v>575</v>
      </c>
      <c r="J38" s="944"/>
      <c r="K38" s="944"/>
      <c r="L38" s="944"/>
    </row>
    <row r="39" spans="1:12" ht="15.75">
      <c r="A39" s="173"/>
      <c r="B39" s="920" t="s">
        <v>576</v>
      </c>
      <c r="C39" s="920" t="str">
        <f>"Year 2021"</f>
        <v>Year 2021</v>
      </c>
      <c r="D39" s="920"/>
      <c r="E39" s="950">
        <f>-L36</f>
        <v>586022.17074923974</v>
      </c>
      <c r="F39" s="930"/>
      <c r="G39" s="945">
        <f>+G32</f>
        <v>4.1949999999999999E-3</v>
      </c>
      <c r="H39" s="920"/>
      <c r="I39" s="944">
        <f xml:space="preserve"> -G39*E39</f>
        <v>-2458.3630062930606</v>
      </c>
      <c r="J39" s="944">
        <f>PMT(G39,12,L$36)</f>
        <v>50177.013552907694</v>
      </c>
      <c r="K39" s="944"/>
      <c r="L39" s="944">
        <f>(+E39+E39*G39-J39)*-1</f>
        <v>-538303.52020262508</v>
      </c>
    </row>
    <row r="40" spans="1:12" ht="15.75">
      <c r="A40" s="173"/>
      <c r="B40" s="920" t="s">
        <v>577</v>
      </c>
      <c r="C40" s="920" t="str">
        <f>+C39</f>
        <v>Year 2021</v>
      </c>
      <c r="D40" s="920"/>
      <c r="E40" s="930">
        <f>-L39</f>
        <v>538303.52020262508</v>
      </c>
      <c r="F40" s="930"/>
      <c r="G40" s="945">
        <f>+G39</f>
        <v>4.1949999999999999E-3</v>
      </c>
      <c r="H40" s="920"/>
      <c r="I40" s="944">
        <f xml:space="preserve"> -G40*E40</f>
        <v>-2258.1832672500122</v>
      </c>
      <c r="J40" s="944">
        <f>J39</f>
        <v>50177.013552907694</v>
      </c>
      <c r="K40" s="944"/>
      <c r="L40" s="944">
        <f t="shared" ref="L40:L50" si="5">(+E40+E40*G40-J40)*-1</f>
        <v>-490384.68991696736</v>
      </c>
    </row>
    <row r="41" spans="1:12" ht="15.75">
      <c r="A41" s="173"/>
      <c r="B41" s="920" t="s">
        <v>578</v>
      </c>
      <c r="C41" s="920" t="str">
        <f>+C40</f>
        <v>Year 2021</v>
      </c>
      <c r="D41" s="920"/>
      <c r="E41" s="930">
        <f t="shared" ref="E41:E50" si="6">-L40</f>
        <v>490384.68991696736</v>
      </c>
      <c r="F41" s="930"/>
      <c r="G41" s="945">
        <f t="shared" ref="G41:G50" si="7">+G40</f>
        <v>4.1949999999999999E-3</v>
      </c>
      <c r="H41" s="920"/>
      <c r="I41" s="944">
        <f t="shared" ref="I41:I50" si="8" xml:space="preserve"> -G41*E41</f>
        <v>-2057.1637742016778</v>
      </c>
      <c r="J41" s="944">
        <f t="shared" ref="J41:J50" si="9">J40</f>
        <v>50177.013552907694</v>
      </c>
      <c r="K41" s="944"/>
      <c r="L41" s="944">
        <f t="shared" si="5"/>
        <v>-442264.84013826138</v>
      </c>
    </row>
    <row r="42" spans="1:12" ht="15.75">
      <c r="A42" s="173"/>
      <c r="B42" s="920" t="s">
        <v>579</v>
      </c>
      <c r="C42" s="920" t="str">
        <f>+C41</f>
        <v>Year 2021</v>
      </c>
      <c r="D42" s="920"/>
      <c r="E42" s="930">
        <f t="shared" si="6"/>
        <v>442264.84013826138</v>
      </c>
      <c r="F42" s="930"/>
      <c r="G42" s="945">
        <f t="shared" si="7"/>
        <v>4.1949999999999999E-3</v>
      </c>
      <c r="H42" s="920"/>
      <c r="I42" s="944">
        <f t="shared" si="8"/>
        <v>-1855.3010043800064</v>
      </c>
      <c r="J42" s="944">
        <f t="shared" si="9"/>
        <v>50177.013552907694</v>
      </c>
      <c r="K42" s="944"/>
      <c r="L42" s="944">
        <f t="shared" si="5"/>
        <v>-393943.12758973369</v>
      </c>
    </row>
    <row r="43" spans="1:12" ht="15.75">
      <c r="A43" s="173"/>
      <c r="B43" s="920" t="s">
        <v>580</v>
      </c>
      <c r="C43" s="920" t="str">
        <f>+C42</f>
        <v>Year 2021</v>
      </c>
      <c r="D43" s="920"/>
      <c r="E43" s="930">
        <f t="shared" si="6"/>
        <v>393943.12758973369</v>
      </c>
      <c r="F43" s="930"/>
      <c r="G43" s="945">
        <f t="shared" si="7"/>
        <v>4.1949999999999999E-3</v>
      </c>
      <c r="H43" s="920"/>
      <c r="I43" s="944">
        <f t="shared" si="8"/>
        <v>-1652.5914202389329</v>
      </c>
      <c r="J43" s="944">
        <f>J42</f>
        <v>50177.013552907694</v>
      </c>
      <c r="K43" s="944"/>
      <c r="L43" s="944">
        <f t="shared" si="5"/>
        <v>-345418.70545706496</v>
      </c>
    </row>
    <row r="44" spans="1:12" ht="15.75">
      <c r="A44" s="173"/>
      <c r="B44" s="920" t="s">
        <v>581</v>
      </c>
      <c r="C44" s="920" t="str">
        <f>C43</f>
        <v>Year 2021</v>
      </c>
      <c r="D44" s="393"/>
      <c r="E44" s="930">
        <f t="shared" si="6"/>
        <v>345418.70545706496</v>
      </c>
      <c r="F44" s="930"/>
      <c r="G44" s="945">
        <f t="shared" si="7"/>
        <v>4.1949999999999999E-3</v>
      </c>
      <c r="H44" s="920"/>
      <c r="I44" s="944">
        <f t="shared" si="8"/>
        <v>-1449.0314693923874</v>
      </c>
      <c r="J44" s="944">
        <f t="shared" si="9"/>
        <v>50177.013552907694</v>
      </c>
      <c r="K44" s="944"/>
      <c r="L44" s="944">
        <f t="shared" si="5"/>
        <v>-296690.7233735497</v>
      </c>
    </row>
    <row r="45" spans="1:12" ht="15.75">
      <c r="A45" s="173"/>
      <c r="B45" s="920" t="s">
        <v>582</v>
      </c>
      <c r="C45" s="920" t="str">
        <f t="shared" ref="C45:C50" si="10">+C44</f>
        <v>Year 2021</v>
      </c>
      <c r="D45" s="920"/>
      <c r="E45" s="930">
        <f t="shared" si="6"/>
        <v>296690.7233735497</v>
      </c>
      <c r="F45" s="930"/>
      <c r="G45" s="945">
        <f t="shared" si="7"/>
        <v>4.1949999999999999E-3</v>
      </c>
      <c r="H45" s="920"/>
      <c r="I45" s="944">
        <f t="shared" si="8"/>
        <v>-1244.6175845520411</v>
      </c>
      <c r="J45" s="944">
        <f t="shared" si="9"/>
        <v>50177.013552907694</v>
      </c>
      <c r="K45" s="944"/>
      <c r="L45" s="944">
        <f t="shared" si="5"/>
        <v>-247758.32740519405</v>
      </c>
    </row>
    <row r="46" spans="1:12" ht="15.75">
      <c r="A46" s="173"/>
      <c r="B46" s="920" t="s">
        <v>583</v>
      </c>
      <c r="C46" s="920" t="str">
        <f t="shared" si="10"/>
        <v>Year 2021</v>
      </c>
      <c r="D46" s="920"/>
      <c r="E46" s="930">
        <f t="shared" si="6"/>
        <v>247758.32740519405</v>
      </c>
      <c r="F46" s="930"/>
      <c r="G46" s="945">
        <f t="shared" si="7"/>
        <v>4.1949999999999999E-3</v>
      </c>
      <c r="H46" s="920"/>
      <c r="I46" s="944">
        <f t="shared" si="8"/>
        <v>-1039.346183464789</v>
      </c>
      <c r="J46" s="944">
        <f t="shared" si="9"/>
        <v>50177.013552907694</v>
      </c>
      <c r="K46" s="944"/>
      <c r="L46" s="944">
        <f t="shared" si="5"/>
        <v>-198620.66003575112</v>
      </c>
    </row>
    <row r="47" spans="1:12" ht="15.75">
      <c r="A47" s="173"/>
      <c r="B47" s="920" t="s">
        <v>584</v>
      </c>
      <c r="C47" s="920" t="str">
        <f t="shared" si="10"/>
        <v>Year 2021</v>
      </c>
      <c r="D47" s="920"/>
      <c r="E47" s="930">
        <f t="shared" si="6"/>
        <v>198620.66003575112</v>
      </c>
      <c r="F47" s="930"/>
      <c r="G47" s="945">
        <f t="shared" si="7"/>
        <v>4.1949999999999999E-3</v>
      </c>
      <c r="H47" s="920"/>
      <c r="I47" s="944">
        <f t="shared" si="8"/>
        <v>-833.21366884997599</v>
      </c>
      <c r="J47" s="944">
        <f>J46</f>
        <v>50177.013552907694</v>
      </c>
      <c r="K47" s="944"/>
      <c r="L47" s="944">
        <f t="shared" si="5"/>
        <v>-149276.8601516934</v>
      </c>
    </row>
    <row r="48" spans="1:12" ht="15.75">
      <c r="A48" s="173"/>
      <c r="B48" s="920" t="s">
        <v>585</v>
      </c>
      <c r="C48" s="920" t="str">
        <f t="shared" si="10"/>
        <v>Year 2021</v>
      </c>
      <c r="D48" s="920"/>
      <c r="E48" s="930">
        <f t="shared" si="6"/>
        <v>149276.8601516934</v>
      </c>
      <c r="F48" s="930"/>
      <c r="G48" s="945">
        <f t="shared" si="7"/>
        <v>4.1949999999999999E-3</v>
      </c>
      <c r="H48" s="920"/>
      <c r="I48" s="944">
        <f t="shared" si="8"/>
        <v>-626.21642833635383</v>
      </c>
      <c r="J48" s="944">
        <f t="shared" si="9"/>
        <v>50177.013552907694</v>
      </c>
      <c r="K48" s="944"/>
      <c r="L48" s="944">
        <f t="shared" si="5"/>
        <v>-99726.063027122073</v>
      </c>
    </row>
    <row r="49" spans="1:12" ht="15.75">
      <c r="A49" s="173"/>
      <c r="B49" s="920" t="s">
        <v>586</v>
      </c>
      <c r="C49" s="920" t="str">
        <f t="shared" si="10"/>
        <v>Year 2021</v>
      </c>
      <c r="D49" s="920"/>
      <c r="E49" s="930">
        <f t="shared" si="6"/>
        <v>99726.063027122073</v>
      </c>
      <c r="F49" s="930"/>
      <c r="G49" s="945">
        <f t="shared" si="7"/>
        <v>4.1949999999999999E-3</v>
      </c>
      <c r="H49" s="920"/>
      <c r="I49" s="944">
        <f t="shared" si="8"/>
        <v>-418.35083439877707</v>
      </c>
      <c r="J49" s="944">
        <f t="shared" si="9"/>
        <v>50177.013552907694</v>
      </c>
      <c r="K49" s="944"/>
      <c r="L49" s="944">
        <f t="shared" si="5"/>
        <v>-49967.400308613156</v>
      </c>
    </row>
    <row r="50" spans="1:12" ht="15.75">
      <c r="A50" s="173"/>
      <c r="B50" s="920" t="s">
        <v>587</v>
      </c>
      <c r="C50" s="920" t="str">
        <f t="shared" si="10"/>
        <v>Year 2021</v>
      </c>
      <c r="D50" s="920"/>
      <c r="E50" s="930">
        <f t="shared" si="6"/>
        <v>49967.400308613156</v>
      </c>
      <c r="F50" s="930"/>
      <c r="G50" s="945">
        <f t="shared" si="7"/>
        <v>4.1949999999999999E-3</v>
      </c>
      <c r="H50" s="920"/>
      <c r="I50" s="946">
        <f t="shared" si="8"/>
        <v>-209.61324429463218</v>
      </c>
      <c r="J50" s="944">
        <f t="shared" si="9"/>
        <v>50177.013552907694</v>
      </c>
      <c r="K50" s="944"/>
      <c r="L50" s="944">
        <f t="shared" si="5"/>
        <v>-9.4587448984384537E-11</v>
      </c>
    </row>
    <row r="51" spans="1:12" ht="15.75">
      <c r="A51" s="173"/>
      <c r="B51" s="920"/>
      <c r="C51" s="920"/>
      <c r="D51" s="920"/>
      <c r="E51" s="930"/>
      <c r="F51" s="930"/>
      <c r="G51" s="945"/>
      <c r="H51" s="920"/>
      <c r="I51" s="944">
        <f>SUM(I39:I50)</f>
        <v>-16101.991885652649</v>
      </c>
      <c r="J51" s="944"/>
      <c r="K51" s="944"/>
      <c r="L51" s="944"/>
    </row>
    <row r="52" spans="1:12" ht="15">
      <c r="A52" s="173"/>
      <c r="B52" s="393"/>
      <c r="C52" s="393"/>
      <c r="D52" s="393"/>
      <c r="E52" s="393"/>
      <c r="F52" s="393"/>
      <c r="G52" s="393"/>
      <c r="H52" s="393"/>
      <c r="I52" s="393"/>
      <c r="J52" s="951"/>
      <c r="K52" s="393"/>
      <c r="L52" s="393"/>
    </row>
    <row r="53" spans="1:12" ht="15.75">
      <c r="A53" s="173"/>
      <c r="B53" s="920" t="s">
        <v>591</v>
      </c>
      <c r="C53" s="393"/>
      <c r="D53" s="393"/>
      <c r="E53" s="393"/>
      <c r="F53" s="393"/>
      <c r="G53" s="393"/>
      <c r="H53" s="393"/>
      <c r="I53" s="393"/>
      <c r="J53" s="952">
        <f>(SUM(J39:J50)*-1)</f>
        <v>-602124.16263489227</v>
      </c>
      <c r="K53" s="393"/>
      <c r="L53" s="393"/>
    </row>
    <row r="54" spans="1:12" ht="15.75">
      <c r="A54" s="173"/>
      <c r="B54" s="920" t="s">
        <v>592</v>
      </c>
      <c r="C54" s="393"/>
      <c r="D54" s="393"/>
      <c r="E54" s="393"/>
      <c r="F54" s="393"/>
      <c r="G54" s="393"/>
      <c r="H54" s="393"/>
      <c r="I54" s="393"/>
      <c r="J54" s="953">
        <f>+I10</f>
        <v>543126</v>
      </c>
      <c r="K54" s="393"/>
      <c r="L54" s="393"/>
    </row>
    <row r="55" spans="1:12" ht="15.75">
      <c r="A55" s="173"/>
      <c r="B55" s="920" t="s">
        <v>593</v>
      </c>
      <c r="C55" s="393"/>
      <c r="D55" s="393"/>
      <c r="E55" s="393"/>
      <c r="F55" s="393"/>
      <c r="G55" s="393"/>
      <c r="H55" s="393"/>
      <c r="I55" s="393"/>
      <c r="J55" s="952">
        <f>(J53+J54)</f>
        <v>-58998.162634892273</v>
      </c>
      <c r="K55" s="393"/>
      <c r="L55" s="393"/>
    </row>
    <row r="56" spans="1:12">
      <c r="A56" s="173"/>
      <c r="B56" s="392"/>
      <c r="C56" s="392"/>
      <c r="D56" s="392"/>
      <c r="E56" s="392"/>
      <c r="F56" s="392"/>
      <c r="G56" s="392"/>
      <c r="H56" s="392"/>
      <c r="I56" s="392"/>
      <c r="J56" s="392"/>
      <c r="K56" s="392"/>
      <c r="L56" s="392"/>
    </row>
    <row r="57" spans="1:12" ht="50.25" customHeight="1">
      <c r="A57" s="173"/>
      <c r="B57" s="1532" t="s">
        <v>594</v>
      </c>
      <c r="C57" s="1532"/>
      <c r="D57" s="1532"/>
      <c r="E57" s="1532"/>
      <c r="F57" s="1532"/>
      <c r="G57" s="1532"/>
      <c r="H57" s="1532"/>
      <c r="I57" s="1532"/>
      <c r="J57" s="1532"/>
      <c r="K57" s="1326"/>
      <c r="L57" s="1326"/>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view="pageBreakPreview" topLeftCell="A11" zoomScale="85" zoomScaleNormal="75" zoomScaleSheetLayoutView="85" workbookViewId="0">
      <selection activeCell="D24" sqref="D2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t="s">
        <v>416</v>
      </c>
    </row>
    <row r="2" spans="1:12" ht="15.75">
      <c r="A2" s="1006" t="s">
        <v>416</v>
      </c>
    </row>
    <row r="3" spans="1:12"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21"/>
    </row>
    <row r="4" spans="1:12" ht="15">
      <c r="A4" s="1442" t="str">
        <f>"Cost of Service Formula Rate Using Actual/Projected FF1 Balances"</f>
        <v>Cost of Service Formula Rate Using Actual/Projected FF1 Balances</v>
      </c>
      <c r="B4" s="1442"/>
      <c r="C4" s="1442"/>
      <c r="D4" s="1442"/>
      <c r="E4" s="1442"/>
      <c r="F4" s="1442"/>
      <c r="G4" s="1442"/>
      <c r="H4" s="1442"/>
      <c r="I4" s="1442"/>
      <c r="J4" s="53"/>
    </row>
    <row r="5" spans="1:12" ht="15">
      <c r="A5" s="1442" t="s">
        <v>270</v>
      </c>
      <c r="B5" s="1442"/>
      <c r="C5" s="1442"/>
      <c r="D5" s="1442"/>
      <c r="E5" s="1442"/>
      <c r="F5" s="1442"/>
      <c r="G5" s="1442"/>
      <c r="H5" s="1442"/>
      <c r="I5" s="1442"/>
      <c r="J5" s="52"/>
    </row>
    <row r="6" spans="1:12" ht="15">
      <c r="A6" s="1453" t="str">
        <f>TCOS!F9</f>
        <v>AEP Indiana Michigan Transmission Company</v>
      </c>
      <c r="B6" s="1453"/>
      <c r="C6" s="1453"/>
      <c r="D6" s="1453"/>
      <c r="E6" s="1453"/>
      <c r="F6" s="1453"/>
      <c r="G6" s="1453"/>
      <c r="H6" s="1453"/>
      <c r="I6" s="1453"/>
      <c r="J6" s="3"/>
    </row>
    <row r="7" spans="1:12">
      <c r="C7" s="17"/>
      <c r="D7" s="17"/>
    </row>
    <row r="8" spans="1:12" ht="15">
      <c r="A8" s="976"/>
      <c r="B8" s="987"/>
      <c r="C8" s="991" t="s">
        <v>462</v>
      </c>
      <c r="D8" s="991" t="s">
        <v>463</v>
      </c>
      <c r="E8" s="991" t="s">
        <v>464</v>
      </c>
      <c r="F8" s="976"/>
      <c r="G8" s="991" t="s">
        <v>465</v>
      </c>
      <c r="H8" s="976"/>
      <c r="I8" s="991" t="s">
        <v>385</v>
      </c>
      <c r="J8" s="5"/>
      <c r="K8"/>
      <c r="L8"/>
    </row>
    <row r="9" spans="1:12" ht="15">
      <c r="A9" s="975"/>
      <c r="B9" s="987"/>
      <c r="C9" s="976"/>
      <c r="D9" s="976"/>
      <c r="E9" s="976"/>
      <c r="F9" s="976"/>
      <c r="G9" s="976"/>
      <c r="H9" s="976"/>
      <c r="I9" s="992"/>
      <c r="J9"/>
      <c r="K9"/>
      <c r="L9"/>
    </row>
    <row r="10" spans="1:12" ht="12.75" customHeight="1">
      <c r="A10" s="990" t="s">
        <v>469</v>
      </c>
      <c r="B10" s="987"/>
      <c r="C10" s="993"/>
      <c r="D10" s="993"/>
      <c r="E10" s="1451" t="str">
        <f>"Balance @    December 31, "&amp;TCOS!L4&amp;""</f>
        <v>Balance @    December 31, 2021</v>
      </c>
      <c r="F10" s="994"/>
      <c r="G10" s="1451" t="str">
        <f>"Balance @     December 31, "&amp;TCOS!L4-1&amp;""</f>
        <v>Balance @     December 31, 2020</v>
      </c>
      <c r="H10" s="994"/>
      <c r="I10" s="1454" t="str">
        <f>"Average Balance for "&amp;TCOS!L4&amp;""</f>
        <v>Average Balance for 2021</v>
      </c>
      <c r="J10"/>
      <c r="K10"/>
      <c r="L10"/>
    </row>
    <row r="11" spans="1:12" ht="15">
      <c r="A11" s="997" t="s">
        <v>407</v>
      </c>
      <c r="B11" s="995"/>
      <c r="C11" s="990" t="s">
        <v>467</v>
      </c>
      <c r="D11" s="990" t="s">
        <v>498</v>
      </c>
      <c r="E11" s="1452"/>
      <c r="F11" s="996"/>
      <c r="G11" s="1452"/>
      <c r="H11" s="996"/>
      <c r="I11" s="1452"/>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90"/>
      <c r="H16"/>
    </row>
    <row r="17" spans="1:9" ht="14.25">
      <c r="A17" s="51">
        <f>+A15+1</f>
        <v>2</v>
      </c>
      <c r="C17" s="984" t="s">
        <v>309</v>
      </c>
      <c r="D17" s="988" t="s">
        <v>311</v>
      </c>
      <c r="E17" s="974">
        <v>0</v>
      </c>
      <c r="F17" s="979"/>
      <c r="G17" s="974">
        <v>0</v>
      </c>
      <c r="H17" s="980"/>
      <c r="I17" s="981">
        <f>IF(G17="",0,(E17+G17)/2)</f>
        <v>0</v>
      </c>
    </row>
    <row r="18" spans="1:9" ht="14.25">
      <c r="A18" s="51">
        <f>+A17+1</f>
        <v>3</v>
      </c>
      <c r="C18" s="984" t="s">
        <v>313</v>
      </c>
      <c r="D18" s="1248" t="str">
        <f>"WS B-1 - Actual Stmt. AF Ln. " &amp;'WS B-1 - Actual Stmt. AF'!A24&amp;" (Note 1)"</f>
        <v>WS B-1 - Actual Stmt. AF Ln. 4 (Note 1)</v>
      </c>
      <c r="E18" s="974">
        <v>0</v>
      </c>
      <c r="F18" s="976"/>
      <c r="G18" s="974">
        <v>0</v>
      </c>
      <c r="H18" s="980"/>
      <c r="I18" s="981">
        <f>IF(G18="",0,(E18+G18)/2)</f>
        <v>0</v>
      </c>
    </row>
    <row r="19" spans="1:9" ht="16.5">
      <c r="A19" s="51">
        <f>+A18+1</f>
        <v>4</v>
      </c>
      <c r="C19" s="984" t="s">
        <v>314</v>
      </c>
      <c r="D19" s="1248" t="str">
        <f>"WS B-1 - Actual Stmt. AF Ln. " &amp;'WS B-1 - Actual Stmt. AF'!A23&amp;" (Note 1)"</f>
        <v>WS B-1 - Actual Stmt. AF Ln. 3 (Note 1)</v>
      </c>
      <c r="E19" s="978">
        <v>0</v>
      </c>
      <c r="F19" s="976"/>
      <c r="G19" s="978">
        <v>0</v>
      </c>
      <c r="H19" s="976"/>
      <c r="I19" s="982">
        <f>IF(G19="",0,(E19+G19)/2)</f>
        <v>0</v>
      </c>
    </row>
    <row r="20" spans="1:9" ht="14.25">
      <c r="A20" s="51">
        <f>+A19+1</f>
        <v>5</v>
      </c>
      <c r="C20" s="984" t="s">
        <v>310</v>
      </c>
      <c r="D20" s="989" t="str">
        <f>"Ln "&amp;A17&amp;" - ln "&amp;A18&amp;" - ln "&amp;A19&amp;""</f>
        <v>Ln 2 - ln 3 - ln 4</v>
      </c>
      <c r="E20" s="983">
        <f>+E17-E18-E19</f>
        <v>0</v>
      </c>
      <c r="F20" s="976"/>
      <c r="G20" s="983">
        <f>+G17-G18-G19</f>
        <v>0</v>
      </c>
      <c r="H20" s="976"/>
      <c r="I20" s="981">
        <f>+I17-I18-I19</f>
        <v>0</v>
      </c>
    </row>
    <row r="21" spans="1:9" ht="14.25">
      <c r="A21" s="51"/>
      <c r="C21" s="42"/>
      <c r="D21" s="984"/>
      <c r="E21" s="976"/>
      <c r="F21" s="976"/>
      <c r="G21" s="976"/>
      <c r="H21" s="976"/>
      <c r="I21" s="976"/>
    </row>
    <row r="22" spans="1:9" ht="14.25">
      <c r="A22" s="51"/>
      <c r="C22" s="42"/>
      <c r="D22" s="984"/>
      <c r="E22" s="976"/>
      <c r="F22" s="976"/>
      <c r="G22" s="976"/>
      <c r="H22" s="976"/>
      <c r="I22" s="976"/>
    </row>
    <row r="23" spans="1:9" ht="15.75">
      <c r="A23" s="51">
        <f>+A20+1</f>
        <v>6</v>
      </c>
      <c r="C23" s="40" t="s">
        <v>304</v>
      </c>
      <c r="D23" s="984"/>
      <c r="E23" s="976"/>
      <c r="F23" s="976"/>
      <c r="G23" s="976"/>
      <c r="H23" s="976"/>
      <c r="I23" s="976"/>
    </row>
    <row r="24" spans="1:9" ht="14.25">
      <c r="A24" s="51"/>
      <c r="C24" s="42"/>
      <c r="D24" s="984"/>
      <c r="E24" s="976"/>
      <c r="F24" s="976"/>
      <c r="G24" s="976"/>
      <c r="H24" s="976"/>
      <c r="I24" s="976"/>
    </row>
    <row r="25" spans="1:9" ht="14.25">
      <c r="A25" s="51">
        <f>+A23+1</f>
        <v>7</v>
      </c>
      <c r="C25" s="984" t="s">
        <v>309</v>
      </c>
      <c r="D25" s="988" t="s">
        <v>237</v>
      </c>
      <c r="E25" s="974">
        <v>355847000</v>
      </c>
      <c r="F25" s="979"/>
      <c r="G25" s="974">
        <v>326466000</v>
      </c>
      <c r="H25" s="980"/>
      <c r="I25" s="981">
        <f>IF(G25="",0,(E25+G25)/2)</f>
        <v>341156500</v>
      </c>
    </row>
    <row r="26" spans="1:9" ht="14.25">
      <c r="A26" s="51">
        <f>+A25+1</f>
        <v>8</v>
      </c>
      <c r="C26" s="984" t="s">
        <v>313</v>
      </c>
      <c r="D26" s="1248" t="str">
        <f>"WS B-1 - Actual Stmt. AF Ln. " &amp;'WS B-1 - Actual Stmt. AF'!A72&amp;" (Note 1)"</f>
        <v>WS B-1 - Actual Stmt. AF Ln. 7 (Note 1)</v>
      </c>
      <c r="E26" s="974">
        <v>0</v>
      </c>
      <c r="F26" s="976"/>
      <c r="G26" s="974">
        <v>0</v>
      </c>
      <c r="H26" s="980"/>
      <c r="I26" s="981">
        <f>IF(G26="",0,(E26+G26)/2)</f>
        <v>0</v>
      </c>
    </row>
    <row r="27" spans="1:9" ht="16.5">
      <c r="A27" s="51">
        <f>+A26+1</f>
        <v>9</v>
      </c>
      <c r="C27" s="984" t="s">
        <v>314</v>
      </c>
      <c r="D27" s="1248" t="str">
        <f>"WS B-1 - Actual Stmt. AF Ln. " &amp;'WS B-1 - Actual Stmt. AF'!A71&amp;" (Note 1)"</f>
        <v>WS B-1 - Actual Stmt. AF Ln. 6 (Note 1)</v>
      </c>
      <c r="E27" s="978">
        <v>15851000</v>
      </c>
      <c r="F27" s="976"/>
      <c r="G27" s="978">
        <v>0</v>
      </c>
      <c r="H27" s="976"/>
      <c r="I27" s="982">
        <f>IF(G27="",0,(E27+G27)/2)</f>
        <v>7925500</v>
      </c>
    </row>
    <row r="28" spans="1:9" ht="14.25">
      <c r="A28" s="51">
        <f>+A27+1</f>
        <v>10</v>
      </c>
      <c r="C28" s="984" t="s">
        <v>310</v>
      </c>
      <c r="D28" s="989" t="str">
        <f>"Ln "&amp;A25&amp;" - ln "&amp;A26&amp;" - ln "&amp;A27&amp;""</f>
        <v>Ln 7 - ln 8 - ln 9</v>
      </c>
      <c r="E28" s="983">
        <f>+E25-E26-E27</f>
        <v>339996000</v>
      </c>
      <c r="F28" s="976"/>
      <c r="G28" s="983">
        <f>+G25-G26-G27</f>
        <v>326466000</v>
      </c>
      <c r="H28" s="976"/>
      <c r="I28" s="981">
        <f>+I25-I26-I27</f>
        <v>333231000</v>
      </c>
    </row>
    <row r="29" spans="1:9" ht="14.25">
      <c r="A29" s="51"/>
      <c r="C29" s="42"/>
      <c r="D29" s="984"/>
      <c r="E29" s="976"/>
      <c r="F29" s="976"/>
      <c r="G29" s="976"/>
      <c r="H29" s="976"/>
      <c r="I29" s="976"/>
    </row>
    <row r="30" spans="1:9" ht="14.25">
      <c r="A30" s="51"/>
      <c r="C30" s="42"/>
      <c r="D30" s="984"/>
      <c r="E30" s="977"/>
      <c r="F30" s="976"/>
      <c r="G30" s="977"/>
      <c r="H30" s="976"/>
      <c r="I30" s="976"/>
    </row>
    <row r="31" spans="1:9" ht="15.75">
      <c r="A31" s="51">
        <f>+A28+1</f>
        <v>11</v>
      </c>
      <c r="C31" s="40" t="s">
        <v>305</v>
      </c>
      <c r="D31" s="984"/>
      <c r="E31" s="976"/>
      <c r="F31" s="976"/>
      <c r="G31" s="976"/>
      <c r="H31" s="976"/>
      <c r="I31" s="976"/>
    </row>
    <row r="32" spans="1:9" ht="15.75">
      <c r="A32" s="51"/>
      <c r="C32" s="40"/>
      <c r="D32" s="984"/>
      <c r="E32" s="976"/>
      <c r="F32" s="976"/>
      <c r="G32" s="976"/>
      <c r="H32" s="976"/>
      <c r="I32" s="976"/>
    </row>
    <row r="33" spans="1:9" ht="14.25">
      <c r="A33" s="51">
        <f>+A31+1</f>
        <v>12</v>
      </c>
      <c r="C33" s="984" t="s">
        <v>309</v>
      </c>
      <c r="D33" s="988" t="s">
        <v>312</v>
      </c>
      <c r="E33" s="974">
        <v>22912000</v>
      </c>
      <c r="F33" s="979"/>
      <c r="G33" s="974">
        <v>23805000</v>
      </c>
      <c r="H33" s="980"/>
      <c r="I33" s="981">
        <f>IF(G33="",0,(E33+G33)/2)</f>
        <v>23358500</v>
      </c>
    </row>
    <row r="34" spans="1:9" ht="14.25">
      <c r="A34" s="51">
        <f>+A33+1</f>
        <v>13</v>
      </c>
      <c r="C34" s="984" t="s">
        <v>313</v>
      </c>
      <c r="D34" s="1248" t="str">
        <f>"WS B-1 - Actual Stmt. AF Ln. " &amp;'WS B-1 - Actual Stmt. AF'!A184&amp;" (Note 1)"</f>
        <v>WS B-1 - Actual Stmt. AF Ln. 13 (Note 1)</v>
      </c>
      <c r="E34" s="974">
        <v>0</v>
      </c>
      <c r="F34" s="976"/>
      <c r="G34" s="974">
        <v>0</v>
      </c>
      <c r="H34" s="980"/>
      <c r="I34" s="981">
        <f>IF(G34="",0,(E34+G34)/2)</f>
        <v>0</v>
      </c>
    </row>
    <row r="35" spans="1:9" ht="16.5">
      <c r="A35" s="51">
        <f>+A34+1</f>
        <v>14</v>
      </c>
      <c r="C35" s="984" t="s">
        <v>314</v>
      </c>
      <c r="D35" s="1248" t="str">
        <f>"WS B-1 - Actual Stmt. AF Ln. " &amp;'WS B-1 - Actual Stmt. AF'!A183&amp;" (Note 1)"</f>
        <v>WS B-1 - Actual Stmt. AF Ln. 12 (Note 1)</v>
      </c>
      <c r="E35" s="978">
        <v>0</v>
      </c>
      <c r="F35" s="976"/>
      <c r="G35" s="978">
        <v>0</v>
      </c>
      <c r="H35" s="976"/>
      <c r="I35" s="982">
        <f>IF(G35="",0,(E35+G35)/2)</f>
        <v>0</v>
      </c>
    </row>
    <row r="36" spans="1:9" ht="14.25">
      <c r="A36" s="51">
        <f>+A35+1</f>
        <v>15</v>
      </c>
      <c r="C36" s="984" t="s">
        <v>310</v>
      </c>
      <c r="D36" s="989" t="str">
        <f>"Ln "&amp;A33&amp;" - ln "&amp;A34&amp;" - ln "&amp;A35&amp;""</f>
        <v>Ln 12 - ln 13 - ln 14</v>
      </c>
      <c r="E36" s="983">
        <f>+E33-E34-E35</f>
        <v>22912000</v>
      </c>
      <c r="F36" s="976"/>
      <c r="G36" s="983">
        <f>+G33-G34-G35</f>
        <v>23805000</v>
      </c>
      <c r="H36" s="976"/>
      <c r="I36" s="981">
        <f>+I33-I34-I35</f>
        <v>23358500</v>
      </c>
    </row>
    <row r="37" spans="1:9" ht="15.75">
      <c r="A37" s="51"/>
      <c r="C37" s="40"/>
      <c r="D37" s="984"/>
      <c r="E37" s="976"/>
      <c r="F37" s="976"/>
      <c r="G37" s="976"/>
      <c r="H37" s="976"/>
      <c r="I37" s="976"/>
    </row>
    <row r="38" spans="1:9" ht="14.25">
      <c r="A38" s="51"/>
      <c r="C38" s="42"/>
      <c r="D38" s="984"/>
      <c r="E38" s="976"/>
      <c r="F38" s="976"/>
      <c r="G38" s="976"/>
      <c r="H38" s="976"/>
      <c r="I38" s="976"/>
    </row>
    <row r="39" spans="1:9" ht="15.75">
      <c r="A39" s="51">
        <f>+A36+1</f>
        <v>16</v>
      </c>
      <c r="C39" s="40" t="s">
        <v>306</v>
      </c>
      <c r="D39" s="984"/>
      <c r="E39" s="976"/>
      <c r="F39" s="976"/>
      <c r="G39" s="976"/>
      <c r="H39" s="976"/>
      <c r="I39" s="976"/>
    </row>
    <row r="40" spans="1:9" ht="14.25">
      <c r="A40" s="51"/>
      <c r="C40" s="42"/>
      <c r="D40" s="984"/>
      <c r="E40" s="976"/>
      <c r="F40" s="976"/>
      <c r="G40" s="976"/>
      <c r="H40" s="976"/>
      <c r="I40" s="976"/>
    </row>
    <row r="41" spans="1:9" ht="14.25">
      <c r="A41" s="51">
        <f>+A39+1</f>
        <v>17</v>
      </c>
      <c r="C41" s="984" t="s">
        <v>309</v>
      </c>
      <c r="D41" s="988" t="s">
        <v>308</v>
      </c>
      <c r="E41" s="974">
        <v>12206000</v>
      </c>
      <c r="F41" s="979"/>
      <c r="G41" s="974">
        <v>9152000</v>
      </c>
      <c r="H41" s="980"/>
      <c r="I41" s="981">
        <f>IF(G41="",0,(E41+G41)/2)</f>
        <v>10679000</v>
      </c>
    </row>
    <row r="42" spans="1:9" ht="14.25">
      <c r="A42" s="51">
        <f>+A41+1</f>
        <v>18</v>
      </c>
      <c r="C42" s="984" t="s">
        <v>313</v>
      </c>
      <c r="D42" s="1248" t="str">
        <f>"WS B-2 - Actual Stmt. AG Ln. " &amp;'WS B-2 - Actual Stmt. AG'!A110&amp;" (Note 1)"</f>
        <v>WS B-2 - Actual Stmt. AG Ln. 4 (Note 1)</v>
      </c>
      <c r="E42" s="974">
        <v>0</v>
      </c>
      <c r="F42" s="976"/>
      <c r="G42" s="974">
        <v>0</v>
      </c>
      <c r="H42" s="980"/>
      <c r="I42" s="981">
        <f>IF(G42="",0,(E42+G42)/2)</f>
        <v>0</v>
      </c>
    </row>
    <row r="43" spans="1:9" ht="16.5">
      <c r="A43" s="51">
        <f>+A42+1</f>
        <v>19</v>
      </c>
      <c r="C43" s="984" t="s">
        <v>314</v>
      </c>
      <c r="D43" s="1248" t="str">
        <f>"WS B-2 - Actual Stmt. AG Ln. " &amp;'WS B-2 - Actual Stmt. AG'!A109&amp;" (Note 1)"</f>
        <v>WS B-2 - Actual Stmt. AG Ln. 3 (Note 1)</v>
      </c>
      <c r="E43" s="978">
        <v>0</v>
      </c>
      <c r="F43" s="976"/>
      <c r="G43" s="978">
        <v>0</v>
      </c>
      <c r="H43" s="976"/>
      <c r="I43" s="982">
        <f>IF(G43="",0,(E43+G43)/2)</f>
        <v>0</v>
      </c>
    </row>
    <row r="44" spans="1:9" ht="14.25">
      <c r="A44" s="51">
        <f>+A43+1</f>
        <v>20</v>
      </c>
      <c r="C44" s="984" t="s">
        <v>310</v>
      </c>
      <c r="D44" s="989" t="str">
        <f>"Ln "&amp;A41&amp;" - ln "&amp;A42&amp;" - ln "&amp;A43&amp;""</f>
        <v>Ln 17 - ln 18 - ln 19</v>
      </c>
      <c r="E44" s="983">
        <f>+E41-E42-E43</f>
        <v>12206000</v>
      </c>
      <c r="F44" s="979"/>
      <c r="G44" s="983">
        <f>+G41-G42-G43</f>
        <v>9152000</v>
      </c>
      <c r="H44" s="976"/>
      <c r="I44" s="981">
        <f>+I41-I42-I43</f>
        <v>10679000</v>
      </c>
    </row>
    <row r="45" spans="1:9" ht="14.25">
      <c r="A45" s="51"/>
      <c r="C45" s="42"/>
      <c r="D45" s="42"/>
      <c r="E45" s="976"/>
      <c r="F45" s="976"/>
      <c r="G45" s="976"/>
      <c r="H45" s="976"/>
      <c r="I45" s="976"/>
    </row>
    <row r="46" spans="1:9" ht="14.25">
      <c r="A46" s="51"/>
      <c r="C46" s="42"/>
      <c r="D46" s="42"/>
      <c r="E46" s="976"/>
      <c r="F46" s="976"/>
      <c r="G46" s="976"/>
      <c r="H46" s="976"/>
      <c r="I46" s="976"/>
    </row>
    <row r="47" spans="1:9" ht="15.75">
      <c r="A47" s="51">
        <f>+A44+1</f>
        <v>21</v>
      </c>
      <c r="C47" s="40" t="s">
        <v>307</v>
      </c>
      <c r="D47" s="42"/>
      <c r="E47" s="976"/>
      <c r="F47" s="976"/>
      <c r="G47" s="976"/>
      <c r="H47" s="976"/>
      <c r="I47" s="976"/>
    </row>
    <row r="48" spans="1:9" ht="14.25">
      <c r="A48" s="51"/>
      <c r="C48" s="42"/>
      <c r="D48" s="42"/>
      <c r="E48" s="976"/>
      <c r="F48" s="976"/>
      <c r="G48" s="976"/>
      <c r="H48" s="976"/>
      <c r="I48" s="976"/>
    </row>
    <row r="49" spans="1:10" ht="14.25">
      <c r="A49" s="51">
        <f>+A47+1</f>
        <v>22</v>
      </c>
      <c r="C49" s="984" t="s">
        <v>315</v>
      </c>
      <c r="D49" s="988" t="s">
        <v>269</v>
      </c>
      <c r="E49" s="974"/>
      <c r="F49" s="976"/>
      <c r="G49" s="974"/>
      <c r="H49" s="980"/>
      <c r="I49" s="981">
        <f>IF(G49="",0,(E49+G49)/2)</f>
        <v>0</v>
      </c>
    </row>
    <row r="50" spans="1:10" ht="16.5">
      <c r="A50" s="51">
        <f>+A49+1</f>
        <v>23</v>
      </c>
      <c r="C50" s="984" t="s">
        <v>316</v>
      </c>
      <c r="D50" s="975" t="s">
        <v>334</v>
      </c>
      <c r="E50" s="978"/>
      <c r="F50" s="976"/>
      <c r="G50" s="978"/>
      <c r="H50" s="980"/>
      <c r="I50" s="982">
        <f>IF(G50="",0,(E50+G50)/2)</f>
        <v>0</v>
      </c>
    </row>
    <row r="51" spans="1:10" ht="14.25">
      <c r="A51" s="51">
        <f>+A50+1</f>
        <v>24</v>
      </c>
      <c r="C51" s="984" t="s">
        <v>260</v>
      </c>
      <c r="D51" s="989" t="str">
        <f>"Ln "&amp;A49&amp;" - ln "&amp;A50&amp;""</f>
        <v>Ln 22 - ln 23</v>
      </c>
      <c r="E51" s="983">
        <f>+E49-E50</f>
        <v>0</v>
      </c>
      <c r="F51" s="976"/>
      <c r="G51" s="983">
        <f>+G49-G50</f>
        <v>0</v>
      </c>
      <c r="H51" s="980"/>
      <c r="I51" s="981">
        <f>+I49-I50</f>
        <v>0</v>
      </c>
    </row>
    <row r="52" spans="1:10" ht="14.25">
      <c r="A52" s="51">
        <f>+A51+1</f>
        <v>25</v>
      </c>
      <c r="C52" s="984" t="s">
        <v>310</v>
      </c>
      <c r="D52" s="989" t="str">
        <f>"WS B-1 - Actual Stmt. AF Ln. " &amp;'WS B-1 - Actual Stmt. AF'!A197&amp;" (Note 1)"</f>
        <v>WS B-1 - Actual Stmt. AF Ln. 20 (Note 1)</v>
      </c>
      <c r="E52" s="974"/>
      <c r="F52" s="976"/>
      <c r="G52" s="974"/>
      <c r="H52" s="980"/>
      <c r="I52" s="981">
        <f>IF(G52="",0,(E52+G52)/2)</f>
        <v>0</v>
      </c>
    </row>
    <row r="53" spans="1:10">
      <c r="A53" s="51"/>
      <c r="C53" s="42"/>
      <c r="D53" s="42"/>
    </row>
    <row r="54" spans="1:10" ht="14.25">
      <c r="A54" s="985" t="s">
        <v>333</v>
      </c>
      <c r="B54" s="986" t="s">
        <v>416</v>
      </c>
      <c r="C54" s="986" t="s">
        <v>769</v>
      </c>
      <c r="D54" s="42"/>
    </row>
    <row r="55" spans="1:10" ht="27.6" customHeight="1">
      <c r="A55" s="975"/>
      <c r="B55" s="987"/>
      <c r="C55" s="1449" t="s">
        <v>770</v>
      </c>
      <c r="D55" s="1449"/>
      <c r="E55" s="1449"/>
      <c r="F55" s="1449"/>
      <c r="G55" s="1449"/>
    </row>
    <row r="56" spans="1:10" ht="14.25">
      <c r="A56" s="975" t="s">
        <v>266</v>
      </c>
      <c r="B56" s="987" t="s">
        <v>267</v>
      </c>
      <c r="C56" s="984"/>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D65" sqref="D65"/>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AEP Indiana Michigan Transmission Company</v>
      </c>
      <c r="C1" s="1028"/>
      <c r="D1" s="1028"/>
      <c r="E1" s="1028"/>
      <c r="F1" s="1028"/>
      <c r="G1" s="1025"/>
      <c r="H1" s="1025"/>
      <c r="I1" s="1025"/>
      <c r="J1" s="1025"/>
      <c r="K1" s="1025"/>
      <c r="L1" s="1025"/>
      <c r="M1" s="1028"/>
      <c r="N1" s="1028"/>
      <c r="O1" s="1028"/>
      <c r="P1" s="1028"/>
      <c r="Q1" s="1028"/>
      <c r="R1" s="1028"/>
      <c r="S1" s="1025"/>
    </row>
    <row r="2" spans="1:19">
      <c r="A2" s="1044"/>
      <c r="B2" s="1027" t="s">
        <v>645</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1</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6</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7</v>
      </c>
      <c r="C8" s="1030" t="s">
        <v>648</v>
      </c>
      <c r="D8" s="1030" t="s">
        <v>649</v>
      </c>
      <c r="E8" s="1030" t="s">
        <v>650</v>
      </c>
      <c r="F8" s="1030" t="s">
        <v>651</v>
      </c>
      <c r="G8" s="1030" t="s">
        <v>652</v>
      </c>
      <c r="H8" s="1030"/>
      <c r="I8" s="1030" t="s">
        <v>653</v>
      </c>
      <c r="J8" s="1030" t="s">
        <v>654</v>
      </c>
      <c r="K8" s="1030" t="s">
        <v>655</v>
      </c>
      <c r="L8" s="1030"/>
      <c r="M8" s="1030" t="s">
        <v>656</v>
      </c>
      <c r="N8" s="1030" t="s">
        <v>657</v>
      </c>
      <c r="O8" s="1030" t="s">
        <v>658</v>
      </c>
      <c r="P8" s="1028"/>
      <c r="Q8" s="1030" t="s">
        <v>659</v>
      </c>
      <c r="R8" s="1030" t="s">
        <v>660</v>
      </c>
      <c r="S8" s="1030" t="s">
        <v>661</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2</v>
      </c>
      <c r="D10" s="1031"/>
      <c r="E10" s="1032" t="s">
        <v>663</v>
      </c>
      <c r="F10" s="1031"/>
      <c r="G10" s="1019" t="s">
        <v>664</v>
      </c>
      <c r="H10" s="1019"/>
      <c r="I10" s="1033" t="s">
        <v>665</v>
      </c>
      <c r="J10" s="1031"/>
      <c r="K10" s="1031"/>
      <c r="L10" s="1019"/>
      <c r="M10" s="1033" t="str">
        <f>"FUNCTIONALIZATION 12/31/"&amp;TCOS!L4-1</f>
        <v>FUNCTIONALIZATION 12/31/2020</v>
      </c>
      <c r="N10" s="1031"/>
      <c r="O10" s="1031"/>
      <c r="P10" s="1028"/>
      <c r="Q10" s="1033" t="str">
        <f>"FUNCTIONALIZATION 12/31/"&amp;TCOS!L4</f>
        <v>FUNCTIONALIZATION 12/31/2021</v>
      </c>
      <c r="R10" s="1031"/>
      <c r="S10" s="1031"/>
    </row>
    <row r="11" spans="1:19">
      <c r="A11" s="1044"/>
      <c r="B11" s="1028"/>
      <c r="C11" s="1034"/>
      <c r="D11" s="1034"/>
      <c r="E11" s="1028"/>
      <c r="F11" s="1028"/>
      <c r="G11" s="1019" t="s">
        <v>666</v>
      </c>
      <c r="H11" s="1019"/>
      <c r="I11" s="1034"/>
      <c r="J11" s="1034"/>
      <c r="K11" s="1034"/>
      <c r="L11" s="1019"/>
      <c r="M11" s="1034"/>
      <c r="N11" s="1034"/>
      <c r="O11" s="1034"/>
      <c r="P11" s="1028"/>
      <c r="Q11" s="1034"/>
      <c r="R11" s="1034"/>
      <c r="S11" s="1034"/>
    </row>
    <row r="12" spans="1:19" s="1062" customFormat="1">
      <c r="A12" s="1063"/>
      <c r="B12" s="1061"/>
      <c r="C12" s="1064" t="s">
        <v>667</v>
      </c>
      <c r="D12" s="1064" t="s">
        <v>667</v>
      </c>
      <c r="E12" s="1064" t="s">
        <v>667</v>
      </c>
      <c r="F12" s="1064" t="s">
        <v>667</v>
      </c>
      <c r="G12" s="1064" t="s">
        <v>668</v>
      </c>
      <c r="H12" s="1064"/>
      <c r="I12" s="1061"/>
      <c r="J12" s="1061"/>
      <c r="K12" s="1061"/>
      <c r="L12" s="1064"/>
      <c r="M12" s="1061"/>
      <c r="N12" s="1061"/>
      <c r="O12" s="1061"/>
      <c r="P12" s="1061"/>
      <c r="Q12" s="1061"/>
      <c r="R12" s="1061"/>
      <c r="S12" s="1061"/>
    </row>
    <row r="13" spans="1:19" s="1062" customFormat="1">
      <c r="A13" s="1063"/>
      <c r="B13" s="1065" t="s">
        <v>669</v>
      </c>
      <c r="C13" s="1065" t="str">
        <f>"OF 12-31-"&amp;TCOS!L4-1</f>
        <v>OF 12-31-2020</v>
      </c>
      <c r="D13" s="1065" t="str">
        <f>"OF 12-31-"&amp;TCOS!L4</f>
        <v>OF 12-31-2021</v>
      </c>
      <c r="E13" s="1065" t="str">
        <f>"OF 12-31-"&amp;TCOS!L4-1</f>
        <v>OF 12-31-2020</v>
      </c>
      <c r="F13" s="1065" t="str">
        <f>"OF 12-31-"&amp;TCOS!L4</f>
        <v>OF 12-31-2021</v>
      </c>
      <c r="G13" s="1065" t="s">
        <v>670</v>
      </c>
      <c r="H13" s="1065"/>
      <c r="I13" s="1065" t="s">
        <v>671</v>
      </c>
      <c r="J13" s="1065" t="s">
        <v>672</v>
      </c>
      <c r="K13" s="1065" t="s">
        <v>673</v>
      </c>
      <c r="L13" s="1065"/>
      <c r="M13" s="1065" t="s">
        <v>671</v>
      </c>
      <c r="N13" s="1065" t="s">
        <v>672</v>
      </c>
      <c r="O13" s="1065" t="s">
        <v>673</v>
      </c>
      <c r="P13" s="1061"/>
      <c r="Q13" s="1065" t="s">
        <v>671</v>
      </c>
      <c r="R13" s="1065" t="s">
        <v>672</v>
      </c>
      <c r="S13" s="1065" t="s">
        <v>673</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4</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5</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6</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7</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8</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9</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80</v>
      </c>
      <c r="C74" s="1036" t="s">
        <v>416</v>
      </c>
      <c r="D74" s="1036"/>
      <c r="E74" s="1036"/>
      <c r="F74" s="1036"/>
      <c r="G74" s="1036"/>
      <c r="H74" s="1036"/>
      <c r="I74" s="1036"/>
      <c r="J74" s="1036"/>
      <c r="K74" s="1036"/>
      <c r="L74" s="1036"/>
      <c r="M74" s="1036"/>
      <c r="N74" s="1036"/>
      <c r="O74" s="1036"/>
      <c r="P74" s="1036"/>
      <c r="Q74" s="1036"/>
      <c r="R74" s="1036"/>
      <c r="S74" s="1036"/>
    </row>
    <row r="75" spans="1:19">
      <c r="A75" s="1045"/>
      <c r="B75" s="1028"/>
      <c r="C75" s="1036"/>
      <c r="D75" s="1036"/>
      <c r="E75" s="1036"/>
      <c r="F75" s="1036"/>
      <c r="G75" s="1036"/>
      <c r="H75" s="1036"/>
      <c r="I75" s="1036"/>
      <c r="J75" s="1036"/>
      <c r="K75" s="1036"/>
      <c r="L75" s="1036"/>
      <c r="M75" s="1036"/>
      <c r="N75" s="1036"/>
      <c r="O75" s="1036"/>
      <c r="P75" s="1036"/>
      <c r="Q75" s="1036"/>
      <c r="R75" s="1036"/>
      <c r="S75" s="1036"/>
    </row>
    <row r="76" spans="1:19">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81</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2</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3</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4</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5</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6</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7</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8</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9</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topLeftCell="A4" zoomScale="60" zoomScaleNormal="100" workbookViewId="0">
      <selection activeCell="M142" sqref="M142: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AEP Indiana Michigan Transmission Company</v>
      </c>
      <c r="C1" s="1047"/>
      <c r="D1" s="1047"/>
      <c r="E1" s="1047"/>
      <c r="F1" s="1028"/>
      <c r="G1" s="1022"/>
      <c r="H1" s="1022"/>
      <c r="I1" s="1022"/>
      <c r="J1" s="1022"/>
      <c r="K1" s="1022"/>
      <c r="L1" s="1022"/>
      <c r="M1" s="1028"/>
      <c r="N1" s="1028"/>
      <c r="O1" s="1022"/>
      <c r="P1" s="1028"/>
      <c r="Q1" s="1028"/>
      <c r="R1" s="1028"/>
      <c r="S1" s="1022"/>
    </row>
    <row r="2" spans="1:19">
      <c r="A2" s="1046"/>
      <c r="B2" s="1027" t="s">
        <v>690</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1</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91</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7</v>
      </c>
      <c r="C8" s="1048" t="s">
        <v>648</v>
      </c>
      <c r="D8" s="1048" t="s">
        <v>649</v>
      </c>
      <c r="E8" s="1048" t="s">
        <v>650</v>
      </c>
      <c r="F8" s="1048" t="s">
        <v>651</v>
      </c>
      <c r="G8" s="1048" t="s">
        <v>652</v>
      </c>
      <c r="H8" s="1048"/>
      <c r="I8" s="1048" t="s">
        <v>653</v>
      </c>
      <c r="J8" s="1048" t="s">
        <v>654</v>
      </c>
      <c r="K8" s="1048" t="s">
        <v>655</v>
      </c>
      <c r="L8" s="1048"/>
      <c r="M8" s="1030" t="s">
        <v>656</v>
      </c>
      <c r="N8" s="1030" t="s">
        <v>657</v>
      </c>
      <c r="O8" s="1030" t="s">
        <v>658</v>
      </c>
      <c r="P8" s="1028"/>
      <c r="Q8" s="1030" t="s">
        <v>659</v>
      </c>
      <c r="R8" s="1030" t="s">
        <v>660</v>
      </c>
      <c r="S8" s="1030" t="s">
        <v>661</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2</v>
      </c>
      <c r="D10" s="1049"/>
      <c r="E10" s="1050" t="s">
        <v>663</v>
      </c>
      <c r="F10" s="1049"/>
      <c r="G10" s="1020" t="s">
        <v>664</v>
      </c>
      <c r="H10" s="1020"/>
      <c r="I10" s="1051" t="s">
        <v>665</v>
      </c>
      <c r="J10" s="1049"/>
      <c r="K10" s="1049"/>
      <c r="L10" s="1020"/>
      <c r="M10" s="1031" t="str">
        <f>"FUNCTIONALIZATION 12/31/"&amp;TCOS!L4-1</f>
        <v>FUNCTIONALIZATION 12/31/2020</v>
      </c>
      <c r="N10" s="1031"/>
      <c r="O10" s="1031"/>
      <c r="P10" s="1028"/>
      <c r="Q10" s="1031" t="str">
        <f>"FUNCTIONALIZATION 12/31/"&amp;TCOS!L4</f>
        <v>FUNCTIONALIZATION 12/31/2021</v>
      </c>
      <c r="R10" s="1031"/>
      <c r="S10" s="1031"/>
    </row>
    <row r="11" spans="1:19">
      <c r="A11" s="1046"/>
      <c r="B11" s="1028"/>
      <c r="C11" s="1052"/>
      <c r="D11" s="1052"/>
      <c r="E11" s="1047"/>
      <c r="F11" s="1047"/>
      <c r="G11" s="1020" t="s">
        <v>666</v>
      </c>
      <c r="H11" s="1020"/>
      <c r="I11" s="1052"/>
      <c r="J11" s="1052"/>
      <c r="K11" s="1052"/>
      <c r="L11" s="1020"/>
      <c r="M11" s="1034"/>
      <c r="N11" s="1034"/>
      <c r="O11" s="1034"/>
      <c r="P11" s="1028"/>
      <c r="Q11" s="1034"/>
      <c r="R11" s="1034"/>
      <c r="S11" s="1034"/>
    </row>
    <row r="12" spans="1:19">
      <c r="A12" s="1046"/>
      <c r="B12" s="1028"/>
      <c r="C12" s="1020" t="s">
        <v>667</v>
      </c>
      <c r="D12" s="1020" t="s">
        <v>667</v>
      </c>
      <c r="E12" s="1020" t="s">
        <v>667</v>
      </c>
      <c r="F12" s="1020" t="s">
        <v>667</v>
      </c>
      <c r="G12" s="1020" t="s">
        <v>668</v>
      </c>
      <c r="H12" s="1020"/>
      <c r="I12" s="1047"/>
      <c r="J12" s="1047"/>
      <c r="K12" s="1047"/>
      <c r="L12" s="1020"/>
      <c r="M12" s="1028"/>
      <c r="N12" s="1028"/>
      <c r="O12" s="1028"/>
      <c r="P12" s="1028"/>
      <c r="Q12" s="1028"/>
      <c r="R12" s="1028"/>
      <c r="S12" s="1028"/>
    </row>
    <row r="13" spans="1:19">
      <c r="A13" s="1046"/>
      <c r="B13" s="1030" t="s">
        <v>669</v>
      </c>
      <c r="C13" s="1048" t="str">
        <f>"OF 12-31-"&amp;TCOS!L4-1</f>
        <v>OF 12-31-2020</v>
      </c>
      <c r="D13" s="1048" t="str">
        <f>"OF 12-31-"&amp;TCOS!L4</f>
        <v>OF 12-31-2021</v>
      </c>
      <c r="E13" s="1048" t="str">
        <f>"OF 12-31-"&amp;TCOS!L4-1</f>
        <v>OF 12-31-2020</v>
      </c>
      <c r="F13" s="1048" t="str">
        <f>"OF 12-31-"&amp;TCOS!L4</f>
        <v>OF 12-31-2021</v>
      </c>
      <c r="G13" s="1048" t="s">
        <v>670</v>
      </c>
      <c r="H13" s="1048"/>
      <c r="I13" s="1048" t="s">
        <v>671</v>
      </c>
      <c r="J13" s="1048" t="s">
        <v>672</v>
      </c>
      <c r="K13" s="1048" t="s">
        <v>673</v>
      </c>
      <c r="L13" s="1048"/>
      <c r="M13" s="1030" t="s">
        <v>671</v>
      </c>
      <c r="N13" s="1030" t="s">
        <v>672</v>
      </c>
      <c r="O13" s="1030" t="s">
        <v>673</v>
      </c>
      <c r="P13" s="1028"/>
      <c r="Q13" s="1030" t="s">
        <v>671</v>
      </c>
      <c r="R13" s="1030" t="s">
        <v>672</v>
      </c>
      <c r="S13" s="1030" t="s">
        <v>673</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2</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hidden="1">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3</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4</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sqref="A1:IV65536"/>
    </sheetView>
  </sheetViews>
  <sheetFormatPr defaultColWidth="10" defaultRowHeight="12"/>
  <cols>
    <col min="1" max="1" width="9.42578125" style="1344" customWidth="1"/>
    <col min="2" max="2" width="20.85546875" style="1345" customWidth="1"/>
    <col min="3" max="3" width="35.5703125" style="1344" customWidth="1"/>
    <col min="4" max="4" width="12.85546875" style="1344" customWidth="1"/>
    <col min="5" max="5" width="10.42578125" style="1344" customWidth="1"/>
    <col min="6" max="6" width="16.42578125" style="1344" customWidth="1"/>
    <col min="7" max="7" width="12" style="1344" customWidth="1"/>
    <col min="8" max="8" width="14.28515625" style="1344" bestFit="1" customWidth="1"/>
    <col min="9" max="9" width="18.85546875" style="1344" customWidth="1"/>
    <col min="10" max="10" width="15.5703125" style="1344" customWidth="1"/>
    <col min="11" max="11" width="16.140625" style="1344" customWidth="1"/>
    <col min="12" max="13" width="15" style="1344" customWidth="1"/>
    <col min="14" max="14" width="13.5703125" style="1344" customWidth="1"/>
    <col min="15" max="15" width="15" style="1344" customWidth="1"/>
    <col min="16" max="17" width="17.5703125" style="1344" customWidth="1"/>
    <col min="18" max="18" width="33" style="1344" customWidth="1"/>
    <col min="19" max="19" width="15" style="1344" customWidth="1"/>
    <col min="20" max="21" width="14.5703125" style="1344" bestFit="1" customWidth="1"/>
    <col min="22" max="22" width="10.5703125" style="1344" bestFit="1" customWidth="1"/>
    <col min="23" max="16384" width="10" style="1344"/>
  </cols>
  <sheetData>
    <row r="1" spans="1:23" ht="12.75">
      <c r="A1" s="1344" t="s">
        <v>844</v>
      </c>
      <c r="R1" s="1346"/>
    </row>
    <row r="2" spans="1:23" ht="12.75">
      <c r="A2" s="1344" t="s">
        <v>845</v>
      </c>
      <c r="R2" s="1346"/>
      <c r="V2" s="1347"/>
    </row>
    <row r="3" spans="1:23" ht="12.75">
      <c r="A3" s="1344" t="s">
        <v>846</v>
      </c>
      <c r="R3" s="1346"/>
      <c r="V3" s="1348"/>
    </row>
    <row r="4" spans="1:23">
      <c r="A4" s="1344" t="s">
        <v>847</v>
      </c>
      <c r="G4" s="1349"/>
    </row>
    <row r="5" spans="1:23">
      <c r="A5" s="1344" t="s">
        <v>848</v>
      </c>
      <c r="I5" s="1350"/>
      <c r="J5" s="1350"/>
      <c r="P5" s="1350"/>
      <c r="Q5" s="1350"/>
    </row>
    <row r="6" spans="1:23">
      <c r="J6" s="1350"/>
      <c r="K6" s="1351"/>
      <c r="L6" s="1345"/>
      <c r="M6" s="1345"/>
      <c r="N6" s="1345"/>
      <c r="O6" s="1345"/>
      <c r="P6" s="1345"/>
      <c r="Q6" s="1345"/>
    </row>
    <row r="7" spans="1:23">
      <c r="B7" s="1352"/>
      <c r="C7" s="1352"/>
      <c r="D7" s="1352"/>
      <c r="E7" s="1352"/>
      <c r="F7" s="1352"/>
      <c r="G7" s="1352"/>
      <c r="H7" s="1352"/>
      <c r="I7" s="1352"/>
      <c r="J7" s="1352"/>
      <c r="K7" s="1352"/>
      <c r="L7" s="1352"/>
      <c r="M7" s="1352"/>
      <c r="N7" s="1352"/>
      <c r="O7" s="1352"/>
      <c r="P7" s="1352"/>
      <c r="Q7" s="1345"/>
    </row>
    <row r="8" spans="1:23">
      <c r="A8" s="1345" t="s">
        <v>448</v>
      </c>
      <c r="B8" s="1345" t="s">
        <v>449</v>
      </c>
      <c r="C8" s="1345" t="s">
        <v>450</v>
      </c>
      <c r="D8" s="1345" t="s">
        <v>451</v>
      </c>
      <c r="E8" s="1345" t="s">
        <v>452</v>
      </c>
      <c r="F8" s="1345" t="s">
        <v>453</v>
      </c>
      <c r="G8" s="1345" t="s">
        <v>454</v>
      </c>
      <c r="H8" s="1345" t="s">
        <v>455</v>
      </c>
      <c r="I8" s="1345" t="s">
        <v>849</v>
      </c>
      <c r="J8" s="1345" t="s">
        <v>850</v>
      </c>
      <c r="K8" s="1345" t="s">
        <v>458</v>
      </c>
      <c r="L8" s="1345" t="s">
        <v>459</v>
      </c>
      <c r="M8" s="1345" t="s">
        <v>460</v>
      </c>
      <c r="N8" s="1345" t="s">
        <v>31</v>
      </c>
      <c r="O8" s="1345" t="s">
        <v>107</v>
      </c>
      <c r="P8" s="1345" t="s">
        <v>152</v>
      </c>
      <c r="Q8" s="1345" t="s">
        <v>153</v>
      </c>
      <c r="R8" s="1345" t="s">
        <v>154</v>
      </c>
    </row>
    <row r="9" spans="1:23" ht="14.45" customHeight="1">
      <c r="B9" s="2"/>
      <c r="C9" s="2"/>
      <c r="D9" s="2"/>
      <c r="E9" s="2"/>
      <c r="I9" s="1459" t="s">
        <v>851</v>
      </c>
      <c r="J9" s="1459"/>
      <c r="K9" s="1460" t="s">
        <v>852</v>
      </c>
      <c r="L9" s="1460"/>
      <c r="M9" s="1460"/>
      <c r="N9" s="1461" t="s">
        <v>853</v>
      </c>
      <c r="O9" s="1461"/>
      <c r="P9" s="1459" t="s">
        <v>854</v>
      </c>
      <c r="Q9" s="1459"/>
    </row>
    <row r="10" spans="1:23" ht="69.95" customHeight="1">
      <c r="A10" s="1353" t="s">
        <v>855</v>
      </c>
      <c r="B10" s="1354" t="s">
        <v>856</v>
      </c>
      <c r="C10" s="1354" t="s">
        <v>857</v>
      </c>
      <c r="D10" s="1355" t="s">
        <v>858</v>
      </c>
      <c r="E10" s="1355" t="s">
        <v>859</v>
      </c>
      <c r="F10" s="1355" t="s">
        <v>860</v>
      </c>
      <c r="G10" s="1355" t="s">
        <v>861</v>
      </c>
      <c r="H10" s="1355" t="s">
        <v>862</v>
      </c>
      <c r="I10" s="1356" t="s">
        <v>863</v>
      </c>
      <c r="J10" s="1356" t="s">
        <v>864</v>
      </c>
      <c r="K10" s="1357" t="s">
        <v>865</v>
      </c>
      <c r="L10" s="1357">
        <v>182.3</v>
      </c>
      <c r="M10" s="1357">
        <v>254</v>
      </c>
      <c r="N10" s="1357" t="s">
        <v>866</v>
      </c>
      <c r="O10" s="1357" t="s">
        <v>867</v>
      </c>
      <c r="P10" s="1356" t="s">
        <v>863</v>
      </c>
      <c r="Q10" s="1356" t="s">
        <v>864</v>
      </c>
      <c r="R10" s="1358" t="s">
        <v>868</v>
      </c>
    </row>
    <row r="11" spans="1:23">
      <c r="B11" s="1344"/>
      <c r="D11" s="1359"/>
      <c r="E11" s="1359"/>
      <c r="F11" s="1359"/>
      <c r="G11" s="1359"/>
      <c r="H11" s="1359"/>
      <c r="I11" s="1360"/>
      <c r="J11" s="1360"/>
      <c r="K11" s="1360"/>
      <c r="L11" s="1360"/>
      <c r="M11" s="1360"/>
      <c r="N11" s="1360"/>
      <c r="O11" s="1360"/>
      <c r="P11" s="1462" t="s">
        <v>869</v>
      </c>
      <c r="Q11" s="1462"/>
      <c r="R11" s="1358"/>
    </row>
    <row r="12" spans="1:23">
      <c r="B12" s="1361" t="s">
        <v>870</v>
      </c>
      <c r="C12" s="1362"/>
      <c r="D12" s="1362"/>
      <c r="E12" s="1362"/>
      <c r="F12" s="1362"/>
      <c r="G12" s="1362"/>
      <c r="H12" s="1362"/>
      <c r="I12" s="1362"/>
      <c r="J12" s="1362"/>
      <c r="K12" s="1362"/>
      <c r="L12" s="1362"/>
      <c r="M12" s="1362"/>
      <c r="N12" s="1362"/>
      <c r="O12" s="1362"/>
      <c r="P12" s="1362"/>
      <c r="Q12" s="1362"/>
      <c r="R12" s="1348"/>
      <c r="S12" s="1348"/>
      <c r="T12" s="1348"/>
      <c r="U12" s="1348"/>
      <c r="V12" s="1348"/>
      <c r="W12" s="1348"/>
    </row>
    <row r="13" spans="1:23">
      <c r="A13" s="1344" t="s">
        <v>871</v>
      </c>
      <c r="B13" s="1363" t="s">
        <v>872</v>
      </c>
      <c r="C13" s="1344" t="s">
        <v>873</v>
      </c>
      <c r="D13" s="1364" t="s">
        <v>874</v>
      </c>
      <c r="E13" s="1364" t="s">
        <v>875</v>
      </c>
      <c r="F13" s="1365"/>
      <c r="G13" s="1364"/>
      <c r="H13" s="1364"/>
      <c r="I13" s="1366">
        <v>25483016</v>
      </c>
      <c r="J13" s="1367" t="s">
        <v>416</v>
      </c>
      <c r="K13" s="1366"/>
      <c r="L13" s="1366"/>
      <c r="M13" s="1366">
        <v>8455228</v>
      </c>
      <c r="N13" s="1366"/>
      <c r="O13" s="1366"/>
      <c r="P13" s="1368">
        <f>SUM(I13:O13)</f>
        <v>33938244</v>
      </c>
      <c r="Q13" s="1369" t="s">
        <v>416</v>
      </c>
      <c r="R13" s="1370" t="s">
        <v>876</v>
      </c>
      <c r="S13" s="1348"/>
      <c r="T13" s="1348"/>
      <c r="U13" s="1348"/>
      <c r="V13" s="1348"/>
      <c r="W13" s="1348"/>
    </row>
    <row r="14" spans="1:23">
      <c r="A14" s="1344" t="s">
        <v>877</v>
      </c>
      <c r="B14" s="1363" t="s">
        <v>878</v>
      </c>
      <c r="C14" s="1344" t="s">
        <v>879</v>
      </c>
      <c r="D14" s="1364" t="s">
        <v>880</v>
      </c>
      <c r="E14" s="1364" t="s">
        <v>875</v>
      </c>
      <c r="F14" s="1371">
        <v>-106249253</v>
      </c>
      <c r="G14" s="1372" t="s">
        <v>881</v>
      </c>
      <c r="H14" s="1372" t="s">
        <v>882</v>
      </c>
      <c r="I14" s="1344" t="s">
        <v>416</v>
      </c>
      <c r="J14" s="1366">
        <v>-106810039</v>
      </c>
      <c r="K14" s="1366"/>
      <c r="L14" s="1366"/>
      <c r="M14" s="1366"/>
      <c r="N14" s="1366">
        <v>81797</v>
      </c>
      <c r="O14" s="1366">
        <v>-240640</v>
      </c>
      <c r="P14" s="1373" t="s">
        <v>416</v>
      </c>
      <c r="Q14" s="1374">
        <f>SUM(J14:O14)</f>
        <v>-106968882</v>
      </c>
      <c r="R14" s="1370" t="s">
        <v>883</v>
      </c>
      <c r="S14" s="1348"/>
      <c r="T14" s="1348"/>
      <c r="U14" s="1348"/>
      <c r="V14" s="1348"/>
      <c r="W14" s="1348"/>
    </row>
    <row r="15" spans="1:23">
      <c r="A15" s="1344" t="s">
        <v>884</v>
      </c>
      <c r="B15" s="1363" t="s">
        <v>878</v>
      </c>
      <c r="C15" s="1344" t="s">
        <v>879</v>
      </c>
      <c r="D15" s="1364" t="s">
        <v>885</v>
      </c>
      <c r="E15" s="1364" t="s">
        <v>875</v>
      </c>
      <c r="F15" s="1375">
        <v>2532427</v>
      </c>
      <c r="G15" s="1372" t="s">
        <v>886</v>
      </c>
      <c r="H15" s="1372" t="s">
        <v>887</v>
      </c>
      <c r="J15" s="1366">
        <v>2279184</v>
      </c>
      <c r="K15" s="1366"/>
      <c r="L15" s="1366"/>
      <c r="M15" s="1366"/>
      <c r="N15" s="1366">
        <v>-245712</v>
      </c>
      <c r="O15" s="1366">
        <v>-67812</v>
      </c>
      <c r="P15" s="1373"/>
      <c r="Q15" s="1374">
        <f>SUM(J15:O15)</f>
        <v>1965660</v>
      </c>
      <c r="R15" s="1370" t="s">
        <v>888</v>
      </c>
      <c r="S15" s="1348"/>
      <c r="T15" s="1348"/>
      <c r="U15" s="1348"/>
      <c r="V15" s="1348"/>
      <c r="W15" s="1348"/>
    </row>
    <row r="16" spans="1:23">
      <c r="A16" s="1344" t="s">
        <v>889</v>
      </c>
      <c r="B16" s="1363" t="s">
        <v>890</v>
      </c>
      <c r="C16" s="1344" t="s">
        <v>891</v>
      </c>
      <c r="D16" s="1364" t="s">
        <v>880</v>
      </c>
      <c r="E16" s="1364" t="s">
        <v>875</v>
      </c>
      <c r="F16" s="1375"/>
      <c r="G16" s="1372"/>
      <c r="H16" s="1372"/>
      <c r="I16" s="1366">
        <v>106810039</v>
      </c>
      <c r="J16" s="1367"/>
      <c r="K16" s="1366"/>
      <c r="L16" s="1366"/>
      <c r="M16" s="1366">
        <v>158843</v>
      </c>
      <c r="N16" s="1366"/>
      <c r="O16" s="1366"/>
      <c r="P16" s="1368">
        <f>SUM(I16:O16)</f>
        <v>106968882</v>
      </c>
      <c r="Q16" s="1367"/>
      <c r="R16" s="1455" t="s">
        <v>892</v>
      </c>
      <c r="S16" s="1348"/>
      <c r="T16" s="1348"/>
      <c r="U16" s="1348"/>
      <c r="V16" s="1348"/>
      <c r="W16" s="1348"/>
    </row>
    <row r="17" spans="1:23">
      <c r="A17" s="1344" t="s">
        <v>893</v>
      </c>
      <c r="B17" s="1363" t="s">
        <v>890</v>
      </c>
      <c r="C17" s="1344" t="s">
        <v>891</v>
      </c>
      <c r="D17" s="1364" t="s">
        <v>885</v>
      </c>
      <c r="E17" s="1364" t="s">
        <v>875</v>
      </c>
      <c r="F17" s="1375"/>
      <c r="G17" s="1372"/>
      <c r="H17" s="1372"/>
      <c r="I17" s="1366">
        <v>-2279184</v>
      </c>
      <c r="J17" s="1367"/>
      <c r="K17" s="1366"/>
      <c r="L17" s="1366"/>
      <c r="M17" s="1366">
        <v>313524</v>
      </c>
      <c r="N17" s="1366"/>
      <c r="O17" s="1366"/>
      <c r="P17" s="1368">
        <f>SUM(I17:O17)</f>
        <v>-1965660</v>
      </c>
      <c r="Q17" s="1367"/>
      <c r="R17" s="1455"/>
      <c r="S17" s="1348"/>
      <c r="T17" s="1348"/>
      <c r="U17" s="1348"/>
      <c r="V17" s="1348"/>
      <c r="W17" s="1348"/>
    </row>
    <row r="18" spans="1:23">
      <c r="A18" s="1344" t="s">
        <v>894</v>
      </c>
      <c r="B18" s="1363" t="s">
        <v>895</v>
      </c>
      <c r="C18" s="1344" t="s">
        <v>896</v>
      </c>
      <c r="D18" s="1364" t="s">
        <v>885</v>
      </c>
      <c r="E18" s="1364" t="s">
        <v>875</v>
      </c>
      <c r="F18" s="1375">
        <v>3966093</v>
      </c>
      <c r="G18" s="1372" t="s">
        <v>886</v>
      </c>
      <c r="H18" s="1372" t="s">
        <v>887</v>
      </c>
      <c r="I18" s="1344" t="s">
        <v>416</v>
      </c>
      <c r="J18" s="1366">
        <v>8666175</v>
      </c>
      <c r="K18" s="1366"/>
      <c r="L18" s="1366"/>
      <c r="M18" s="1366"/>
      <c r="N18" s="1366">
        <v>-997177</v>
      </c>
      <c r="O18" s="1366">
        <v>2741611</v>
      </c>
      <c r="P18" s="1373" t="s">
        <v>416</v>
      </c>
      <c r="Q18" s="1374">
        <f>SUM(J18:O18)</f>
        <v>10410609</v>
      </c>
      <c r="R18" s="1370" t="s">
        <v>897</v>
      </c>
      <c r="S18" s="1348"/>
      <c r="T18" s="1348"/>
      <c r="U18" s="1348"/>
      <c r="V18" s="1348"/>
      <c r="W18" s="1348"/>
    </row>
    <row r="19" spans="1:23">
      <c r="A19" s="1344" t="s">
        <v>898</v>
      </c>
      <c r="B19" s="1376" t="s">
        <v>899</v>
      </c>
      <c r="C19" s="1344" t="s">
        <v>900</v>
      </c>
      <c r="D19" s="1364" t="s">
        <v>885</v>
      </c>
      <c r="E19" s="1364" t="s">
        <v>875</v>
      </c>
      <c r="F19" s="1371"/>
      <c r="G19" s="1372"/>
      <c r="H19" s="1372"/>
      <c r="I19" s="1366">
        <v>215523</v>
      </c>
      <c r="J19" s="1367"/>
      <c r="K19" s="1366"/>
      <c r="L19" s="1366"/>
      <c r="M19" s="1366">
        <v>-9570994</v>
      </c>
      <c r="N19" s="1366"/>
      <c r="O19" s="1366"/>
      <c r="P19" s="1368">
        <f>SUM(I19:O19)</f>
        <v>-9355471</v>
      </c>
      <c r="Q19" s="1373"/>
      <c r="R19" s="1377" t="s">
        <v>901</v>
      </c>
      <c r="S19" s="1348"/>
      <c r="T19" s="1348"/>
      <c r="U19" s="1348"/>
      <c r="V19" s="1348"/>
      <c r="W19" s="1348"/>
    </row>
    <row r="20" spans="1:23">
      <c r="A20" s="1344" t="s">
        <v>902</v>
      </c>
      <c r="B20" s="1378" t="s">
        <v>903</v>
      </c>
      <c r="D20" s="1364"/>
      <c r="E20" s="1364"/>
      <c r="F20" s="1371"/>
      <c r="G20" s="1372"/>
      <c r="H20" s="1372"/>
      <c r="I20" s="1366"/>
      <c r="J20" s="1366"/>
      <c r="K20" s="1366"/>
      <c r="L20" s="1366"/>
      <c r="M20" s="1366"/>
      <c r="N20" s="1366"/>
      <c r="O20" s="1366"/>
      <c r="P20" s="1369"/>
      <c r="Q20" s="1368"/>
      <c r="R20" s="1377"/>
      <c r="S20" s="1348"/>
      <c r="T20" s="1348"/>
      <c r="U20" s="1348"/>
      <c r="V20" s="1348"/>
      <c r="W20" s="1348"/>
    </row>
    <row r="21" spans="1:23" ht="12.75">
      <c r="B21" s="1379"/>
      <c r="C21" s="1379"/>
      <c r="D21" s="1379"/>
      <c r="E21" s="1379"/>
      <c r="F21" s="1379"/>
      <c r="G21" s="1379"/>
      <c r="H21" s="1379"/>
      <c r="I21" s="1379"/>
      <c r="J21" s="1379"/>
      <c r="K21" s="1379"/>
      <c r="L21" s="1379"/>
      <c r="M21" s="1379"/>
      <c r="N21"/>
      <c r="O21"/>
      <c r="P21"/>
      <c r="Q21"/>
      <c r="R21"/>
      <c r="S21" s="1348"/>
      <c r="T21" s="1348"/>
      <c r="U21" s="1348"/>
      <c r="V21" s="1348"/>
      <c r="W21" s="1348"/>
    </row>
    <row r="22" spans="1:23" s="1348" customFormat="1">
      <c r="A22" s="1344"/>
      <c r="B22" s="1361" t="s">
        <v>904</v>
      </c>
      <c r="Q22" s="1380"/>
      <c r="R22" s="1381"/>
    </row>
    <row r="23" spans="1:23" ht="11.45" customHeight="1">
      <c r="A23" s="1344" t="s">
        <v>905</v>
      </c>
      <c r="B23" s="1382">
        <v>182.3</v>
      </c>
      <c r="C23" s="1383" t="s">
        <v>906</v>
      </c>
      <c r="D23" s="1384" t="s">
        <v>416</v>
      </c>
      <c r="E23" s="1364" t="s">
        <v>875</v>
      </c>
      <c r="F23" s="1384"/>
      <c r="G23" s="1384" t="s">
        <v>416</v>
      </c>
      <c r="H23" s="1384"/>
      <c r="I23" s="1385">
        <v>-1055138</v>
      </c>
      <c r="J23" s="1366"/>
      <c r="K23" s="1366"/>
      <c r="L23" s="1366"/>
      <c r="M23" s="1366"/>
      <c r="N23" s="1366"/>
      <c r="O23" s="1367"/>
      <c r="P23" s="1369">
        <f>SUM(I23:O23)</f>
        <v>-1055138</v>
      </c>
      <c r="Q23" s="1386"/>
      <c r="R23" s="1370" t="s">
        <v>907</v>
      </c>
      <c r="S23" s="1348"/>
      <c r="T23" s="1348"/>
      <c r="U23" s="1348"/>
      <c r="V23" s="1348"/>
      <c r="W23" s="1348"/>
    </row>
    <row r="24" spans="1:23" ht="11.45" customHeight="1">
      <c r="A24" s="1344" t="s">
        <v>908</v>
      </c>
      <c r="B24" s="1382">
        <v>254</v>
      </c>
      <c r="C24" s="1383" t="s">
        <v>909</v>
      </c>
      <c r="D24" s="1384" t="s">
        <v>416</v>
      </c>
      <c r="E24" s="1364" t="s">
        <v>875</v>
      </c>
      <c r="F24" s="1384"/>
      <c r="G24" s="1384" t="s">
        <v>416</v>
      </c>
      <c r="H24" s="1384"/>
      <c r="I24" s="1385">
        <v>-129174256</v>
      </c>
      <c r="J24" s="1366"/>
      <c r="K24" s="1366"/>
      <c r="L24" s="1366"/>
      <c r="M24" s="1366">
        <f>-8455228-158843-313524+9570994</f>
        <v>643399</v>
      </c>
      <c r="N24" s="1366"/>
      <c r="O24" s="1367"/>
      <c r="P24" s="1369">
        <f>SUM(I24:O24)</f>
        <v>-128530857</v>
      </c>
      <c r="Q24" s="1386"/>
      <c r="R24" s="1370" t="s">
        <v>910</v>
      </c>
      <c r="S24" s="1348"/>
      <c r="T24" s="1348"/>
      <c r="U24" s="1348"/>
      <c r="V24" s="1348"/>
      <c r="W24" s="1348"/>
    </row>
    <row r="25" spans="1:23" ht="11.45" customHeight="1">
      <c r="A25" s="1344" t="s">
        <v>911</v>
      </c>
      <c r="B25" s="1378" t="s">
        <v>903</v>
      </c>
      <c r="C25" s="1383"/>
      <c r="D25" s="1384"/>
      <c r="E25" s="1364"/>
      <c r="F25" s="1384"/>
      <c r="G25" s="1384"/>
      <c r="H25" s="1384"/>
      <c r="I25" s="1366"/>
      <c r="J25" s="1366"/>
      <c r="K25" s="1366"/>
      <c r="L25" s="1366"/>
      <c r="M25" s="1366"/>
      <c r="N25" s="1366"/>
      <c r="O25" s="1384"/>
      <c r="P25" s="1386"/>
      <c r="Q25" s="1386"/>
      <c r="R25" s="1370"/>
      <c r="S25" s="1348"/>
      <c r="T25" s="1348"/>
      <c r="U25" s="1348"/>
      <c r="V25" s="1348"/>
      <c r="W25" s="1348"/>
    </row>
    <row r="26" spans="1:23">
      <c r="B26" s="1382"/>
      <c r="C26" s="1383"/>
      <c r="D26" s="1352"/>
      <c r="E26" s="1352"/>
      <c r="F26" s="1352"/>
      <c r="G26" s="1352"/>
      <c r="H26" s="1352"/>
      <c r="I26" s="1352"/>
      <c r="J26" s="1352"/>
      <c r="K26" s="1352"/>
      <c r="L26" s="1352"/>
      <c r="M26" s="1352"/>
      <c r="N26" s="1352"/>
      <c r="O26" s="1352"/>
      <c r="P26" s="1352"/>
      <c r="Q26" s="1352"/>
      <c r="R26" s="1387"/>
      <c r="S26" s="1348"/>
      <c r="T26" s="1348"/>
      <c r="U26" s="1348"/>
      <c r="V26" s="1348"/>
      <c r="W26" s="1348"/>
    </row>
    <row r="27" spans="1:23" ht="12.75" thickBot="1">
      <c r="A27" s="1388">
        <v>3</v>
      </c>
      <c r="B27" s="1456" t="str">
        <f>"Total For Accounting Entires (Sum of Lines "&amp;A13&amp;" through "&amp;A24&amp;")"</f>
        <v>Total For Accounting Entires (Sum of Lines 1a through 2b)</v>
      </c>
      <c r="C27" s="1456"/>
      <c r="D27" s="1384"/>
      <c r="E27" s="1384"/>
      <c r="F27" s="1384"/>
      <c r="G27" s="1384"/>
      <c r="H27" s="1384"/>
      <c r="I27" s="1389">
        <f>SUM(I13:I26)</f>
        <v>0</v>
      </c>
      <c r="J27" s="1390">
        <f>SUM(J13:J26)</f>
        <v>-95864680</v>
      </c>
      <c r="K27" s="1391">
        <f>SUM(K13:K26)</f>
        <v>0</v>
      </c>
      <c r="L27" s="1391">
        <f>SUM(L13:L26)</f>
        <v>0</v>
      </c>
      <c r="M27" s="1391">
        <f>SUM(M13:M26)</f>
        <v>0</v>
      </c>
      <c r="N27" s="1390">
        <f>-SUM(N13:N26)</f>
        <v>1161092</v>
      </c>
      <c r="O27" s="1390">
        <f>-SUM(O13:O26)</f>
        <v>-2433159</v>
      </c>
      <c r="P27" s="1391">
        <f>SUM(P13:P26)</f>
        <v>0</v>
      </c>
      <c r="Q27" s="1390">
        <f>SUM(Q13:Q26)</f>
        <v>-94592613</v>
      </c>
      <c r="R27" s="1392"/>
      <c r="S27" s="1348"/>
      <c r="T27" s="1348"/>
      <c r="U27" s="1348"/>
      <c r="V27" s="1348"/>
      <c r="W27" s="1348"/>
    </row>
    <row r="28" spans="1:23" ht="12.75" thickTop="1">
      <c r="B28" s="1382"/>
      <c r="C28" s="1383"/>
      <c r="D28" s="1352"/>
      <c r="E28" s="1352"/>
      <c r="F28" s="1352"/>
      <c r="G28" s="1352"/>
      <c r="H28" s="1352"/>
      <c r="I28" s="1393"/>
      <c r="J28" s="1375"/>
      <c r="K28" s="1394"/>
      <c r="L28" s="1394"/>
      <c r="M28" s="1394"/>
      <c r="N28" s="1395" t="s">
        <v>912</v>
      </c>
      <c r="O28" s="1395"/>
      <c r="P28" s="1394"/>
      <c r="Q28" s="1396"/>
      <c r="R28" s="1392"/>
      <c r="S28" s="1348"/>
      <c r="T28" s="1348"/>
      <c r="U28" s="1348"/>
      <c r="V28" s="1348"/>
      <c r="W28" s="1348"/>
    </row>
    <row r="29" spans="1:23">
      <c r="B29" s="1344"/>
      <c r="C29" s="1383"/>
      <c r="D29" s="1352"/>
      <c r="E29" s="1352"/>
      <c r="F29" s="1352"/>
      <c r="G29" s="1352"/>
      <c r="H29" s="1352"/>
      <c r="I29" s="1393"/>
      <c r="J29" s="1396"/>
      <c r="K29" s="1394"/>
      <c r="L29" s="1394"/>
      <c r="M29" s="1394"/>
      <c r="N29" s="1396"/>
      <c r="O29" s="1396"/>
      <c r="P29" s="1394"/>
      <c r="Q29" s="1396"/>
      <c r="R29" s="1392"/>
      <c r="S29" s="1348"/>
      <c r="T29" s="1348"/>
      <c r="U29" s="1348"/>
      <c r="V29" s="1348"/>
      <c r="W29" s="1348"/>
    </row>
    <row r="30" spans="1:23" ht="15" customHeight="1">
      <c r="A30" s="1397" t="s">
        <v>913</v>
      </c>
      <c r="B30" s="1457" t="s">
        <v>914</v>
      </c>
      <c r="C30" s="1457"/>
      <c r="D30" s="1457"/>
      <c r="E30" s="1457"/>
      <c r="F30" s="1457"/>
      <c r="G30" s="1457"/>
      <c r="H30" s="1457"/>
      <c r="I30" s="1457"/>
      <c r="J30" s="1457"/>
      <c r="K30" s="1398"/>
      <c r="L30" s="1399"/>
      <c r="O30" s="1400"/>
      <c r="P30" s="1400"/>
      <c r="Q30" s="1400"/>
      <c r="R30" s="1348"/>
    </row>
    <row r="31" spans="1:23">
      <c r="B31" s="1457"/>
      <c r="C31" s="1457"/>
      <c r="D31" s="1457"/>
      <c r="E31" s="1457"/>
      <c r="F31" s="1457"/>
      <c r="G31" s="1457"/>
      <c r="H31" s="1457"/>
      <c r="I31" s="1457"/>
      <c r="J31" s="1457"/>
      <c r="K31" s="1398"/>
      <c r="L31" s="1399"/>
      <c r="O31" s="1400"/>
      <c r="R31" s="1348"/>
    </row>
    <row r="32" spans="1:23">
      <c r="B32" s="1457"/>
      <c r="C32" s="1457"/>
      <c r="D32" s="1457"/>
      <c r="E32" s="1457"/>
      <c r="F32" s="1457"/>
      <c r="G32" s="1457"/>
      <c r="H32" s="1457"/>
      <c r="I32" s="1457"/>
      <c r="J32" s="1457"/>
      <c r="K32" s="1398"/>
      <c r="L32" s="1399"/>
      <c r="R32" s="1348"/>
    </row>
    <row r="33" spans="1:18">
      <c r="B33" s="1457"/>
      <c r="C33" s="1457"/>
      <c r="D33" s="1457"/>
      <c r="E33" s="1457"/>
      <c r="F33" s="1457"/>
      <c r="G33" s="1457"/>
      <c r="H33" s="1457"/>
      <c r="I33" s="1457"/>
      <c r="J33" s="1457"/>
      <c r="K33" s="1398"/>
      <c r="L33" s="1399"/>
      <c r="P33" s="1400"/>
      <c r="Q33" s="1400"/>
      <c r="R33" s="1348"/>
    </row>
    <row r="34" spans="1:18">
      <c r="B34" s="1457"/>
      <c r="C34" s="1457"/>
      <c r="D34" s="1457"/>
      <c r="E34" s="1457"/>
      <c r="F34" s="1457"/>
      <c r="G34" s="1457"/>
      <c r="H34" s="1457"/>
      <c r="I34" s="1457"/>
      <c r="J34" s="1457"/>
      <c r="K34" s="1398"/>
      <c r="R34" s="1348"/>
    </row>
    <row r="35" spans="1:18">
      <c r="B35" s="1457"/>
      <c r="C35" s="1457"/>
      <c r="D35" s="1457"/>
      <c r="E35" s="1457"/>
      <c r="F35" s="1457"/>
      <c r="G35" s="1457"/>
      <c r="H35" s="1457"/>
      <c r="I35" s="1457"/>
      <c r="J35" s="1457"/>
      <c r="K35" s="1398"/>
      <c r="R35" s="1348"/>
    </row>
    <row r="36" spans="1:18" ht="5.0999999999999996" customHeight="1">
      <c r="B36" s="1398"/>
      <c r="C36" s="1398"/>
      <c r="D36" s="1398"/>
      <c r="E36" s="1398"/>
      <c r="F36" s="1398"/>
      <c r="G36" s="1398"/>
      <c r="H36" s="1398"/>
      <c r="I36" s="1398"/>
      <c r="J36" s="1398"/>
      <c r="K36" s="1398"/>
      <c r="R36" s="1348"/>
    </row>
    <row r="37" spans="1:18" ht="12.6" customHeight="1">
      <c r="A37" s="1344" t="s">
        <v>915</v>
      </c>
      <c r="B37" s="1401" t="s">
        <v>916</v>
      </c>
      <c r="C37" s="1401"/>
      <c r="D37" s="1401"/>
      <c r="E37" s="1401"/>
      <c r="F37" s="1401"/>
      <c r="G37" s="1401"/>
      <c r="H37" s="1401"/>
      <c r="I37" s="1401"/>
      <c r="J37" s="1401"/>
      <c r="K37" s="1398"/>
      <c r="R37" s="1348"/>
    </row>
    <row r="38" spans="1:18" ht="5.0999999999999996" customHeight="1">
      <c r="B38" s="1398"/>
      <c r="C38" s="1398"/>
      <c r="D38" s="1398"/>
      <c r="E38" s="1398"/>
      <c r="F38" s="1398"/>
      <c r="G38" s="1398"/>
      <c r="H38" s="1398"/>
      <c r="I38" s="1398"/>
      <c r="J38" s="1398"/>
      <c r="K38" s="1398"/>
      <c r="R38" s="1348"/>
    </row>
    <row r="39" spans="1:18" s="1403" customFormat="1" ht="12.6" customHeight="1">
      <c r="A39" s="1344" t="s">
        <v>917</v>
      </c>
      <c r="B39" s="1458" t="s">
        <v>918</v>
      </c>
      <c r="C39" s="1458"/>
      <c r="D39" s="1458"/>
      <c r="E39" s="1458"/>
      <c r="F39" s="1458"/>
      <c r="G39" s="1458"/>
      <c r="H39" s="1458"/>
      <c r="I39" s="1458"/>
      <c r="J39" s="1458"/>
      <c r="K39" s="1402"/>
      <c r="R39" s="1380"/>
    </row>
    <row r="40" spans="1:18" s="1403" customFormat="1" ht="12.6" customHeight="1">
      <c r="A40" s="1344"/>
      <c r="B40" s="1458"/>
      <c r="C40" s="1458"/>
      <c r="D40" s="1458"/>
      <c r="E40" s="1458"/>
      <c r="F40" s="1458"/>
      <c r="G40" s="1458"/>
      <c r="H40" s="1458"/>
      <c r="I40" s="1458"/>
      <c r="J40" s="1458"/>
      <c r="K40" s="1402"/>
      <c r="R40" s="1380"/>
    </row>
    <row r="41" spans="1:18" ht="5.0999999999999996" customHeight="1">
      <c r="B41" s="1398"/>
      <c r="C41" s="1398"/>
      <c r="D41" s="1398"/>
      <c r="E41" s="1398"/>
      <c r="F41" s="1398"/>
      <c r="G41" s="1398"/>
      <c r="H41" s="1398"/>
      <c r="I41" s="1398"/>
      <c r="J41" s="1398"/>
      <c r="K41" s="1398"/>
      <c r="R41" s="1348"/>
    </row>
    <row r="42" spans="1:18">
      <c r="A42" s="1344" t="s">
        <v>919</v>
      </c>
      <c r="B42" s="1404" t="s">
        <v>920</v>
      </c>
      <c r="C42" s="1398"/>
      <c r="D42" s="1398"/>
      <c r="E42" s="1398"/>
      <c r="F42" s="1398"/>
      <c r="G42" s="1398"/>
      <c r="H42" s="1398"/>
      <c r="I42" s="1398"/>
      <c r="J42" s="1398"/>
      <c r="K42" s="1398"/>
      <c r="R42" s="1348"/>
    </row>
    <row r="43" spans="1:18" ht="8.1" customHeight="1">
      <c r="B43" s="1404"/>
      <c r="C43" s="1398"/>
      <c r="D43" s="1398"/>
      <c r="E43" s="1398"/>
      <c r="F43" s="1398"/>
      <c r="G43" s="1398"/>
      <c r="H43" s="1398"/>
      <c r="I43" s="1398"/>
      <c r="J43" s="1398"/>
      <c r="K43" s="1398"/>
      <c r="R43" s="1348"/>
    </row>
    <row r="44" spans="1:18">
      <c r="A44" s="1388" t="s">
        <v>921</v>
      </c>
      <c r="B44" s="1457"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7"/>
      <c r="D44" s="1457"/>
      <c r="E44" s="1457"/>
      <c r="F44" s="1457"/>
      <c r="G44" s="1457"/>
      <c r="H44" s="1457"/>
      <c r="I44" s="1457"/>
      <c r="J44" s="1398"/>
      <c r="K44" s="1399"/>
      <c r="R44" s="1348"/>
    </row>
    <row r="45" spans="1:18" ht="11.45" customHeight="1">
      <c r="B45" s="1457"/>
      <c r="C45" s="1457"/>
      <c r="D45" s="1457"/>
      <c r="E45" s="1457"/>
      <c r="F45" s="1457"/>
      <c r="G45" s="1457"/>
      <c r="H45" s="1457"/>
      <c r="I45" s="1457"/>
      <c r="J45" s="1398"/>
      <c r="R45" s="1348"/>
    </row>
    <row r="46" spans="1:18">
      <c r="R46" s="1348"/>
    </row>
    <row r="47" spans="1:18">
      <c r="R47" s="1348"/>
    </row>
    <row r="48" spans="1:18">
      <c r="R48" s="1348"/>
    </row>
    <row r="53" spans="1:11">
      <c r="A53" s="1397"/>
      <c r="B53" s="1397"/>
      <c r="C53" s="1397"/>
      <c r="D53" s="1397"/>
      <c r="E53" s="1397"/>
      <c r="F53" s="1397"/>
      <c r="G53" s="1397"/>
      <c r="H53" s="1397"/>
      <c r="I53" s="1397"/>
      <c r="J53" s="1397"/>
      <c r="K53" s="1397"/>
    </row>
    <row r="54" spans="1:11">
      <c r="A54" s="1397"/>
      <c r="B54" s="1397"/>
      <c r="C54" s="1397"/>
      <c r="D54" s="1397"/>
      <c r="E54" s="1397"/>
      <c r="F54" s="1397"/>
      <c r="G54" s="1397"/>
      <c r="H54" s="1397"/>
      <c r="I54" s="1397"/>
      <c r="J54" s="1397"/>
      <c r="K54" s="1397"/>
    </row>
    <row r="55" spans="1:11">
      <c r="D55" s="1397"/>
      <c r="E55" s="1397"/>
      <c r="F55" s="1397"/>
      <c r="G55" s="1397"/>
      <c r="H55" s="1397"/>
      <c r="I55" s="1397"/>
      <c r="J55" s="1397"/>
      <c r="K55" s="1397"/>
    </row>
    <row r="56" spans="1:11">
      <c r="A56" s="1397"/>
      <c r="B56" s="1397"/>
      <c r="C56" s="1397"/>
      <c r="D56" s="1397"/>
      <c r="E56" s="1397"/>
      <c r="F56" s="1397"/>
      <c r="G56" s="1397"/>
      <c r="H56" s="1397"/>
      <c r="I56" s="1397"/>
      <c r="J56" s="1397"/>
      <c r="K56" s="1397"/>
    </row>
    <row r="57" spans="1:11">
      <c r="A57" s="1397"/>
      <c r="B57" s="1397"/>
      <c r="C57" s="1397"/>
      <c r="D57" s="1397"/>
      <c r="E57" s="1397"/>
      <c r="F57" s="1397"/>
      <c r="G57" s="1397"/>
      <c r="H57" s="1397"/>
      <c r="I57" s="1397"/>
      <c r="J57" s="1397"/>
      <c r="K57" s="1397"/>
    </row>
    <row r="58" spans="1:11">
      <c r="A58" s="1397"/>
      <c r="B58" s="1397"/>
      <c r="C58" s="1397"/>
      <c r="D58" s="1397"/>
      <c r="E58" s="1397"/>
      <c r="F58" s="1397"/>
      <c r="G58" s="1397"/>
      <c r="H58" s="1397"/>
      <c r="I58" s="1397"/>
      <c r="J58" s="1397"/>
      <c r="K58" s="1397"/>
    </row>
    <row r="59" spans="1:11">
      <c r="A59" s="1397"/>
      <c r="B59" s="1397"/>
      <c r="C59" s="1397"/>
      <c r="D59" s="1397"/>
      <c r="E59" s="1397"/>
      <c r="F59" s="1397"/>
      <c r="G59" s="1397"/>
      <c r="H59" s="1397"/>
      <c r="I59" s="1397"/>
      <c r="J59" s="1397"/>
      <c r="K59" s="1397"/>
    </row>
    <row r="60" spans="1:11">
      <c r="A60" s="1397"/>
      <c r="B60" s="1397"/>
      <c r="C60" s="1397"/>
      <c r="D60" s="1397"/>
      <c r="E60" s="1397"/>
      <c r="F60" s="1397"/>
      <c r="G60" s="1397"/>
      <c r="H60" s="1397"/>
      <c r="I60" s="1397"/>
      <c r="J60" s="1397"/>
      <c r="K60" s="1397"/>
    </row>
    <row r="61" spans="1:11">
      <c r="A61" s="1397"/>
      <c r="B61" s="1397"/>
      <c r="C61" s="1397"/>
      <c r="D61" s="1397"/>
      <c r="E61" s="1397"/>
      <c r="F61" s="1397"/>
      <c r="G61" s="1397"/>
      <c r="H61" s="1397"/>
      <c r="I61" s="1397"/>
      <c r="J61" s="1397"/>
      <c r="K61" s="1397"/>
    </row>
    <row r="62" spans="1:11">
      <c r="A62" s="1397"/>
      <c r="B62" s="1397"/>
      <c r="C62" s="1397"/>
      <c r="D62" s="1397"/>
      <c r="E62" s="1397"/>
      <c r="F62" s="1397"/>
      <c r="G62" s="1397"/>
      <c r="H62" s="1397"/>
      <c r="I62" s="1397"/>
      <c r="J62" s="1397"/>
      <c r="K62" s="1397"/>
    </row>
    <row r="63" spans="1:11">
      <c r="A63" s="1397"/>
      <c r="B63" s="1397"/>
      <c r="C63" s="1397"/>
      <c r="D63" s="1397"/>
      <c r="E63" s="1397"/>
      <c r="F63" s="1397"/>
      <c r="G63" s="1397"/>
      <c r="H63" s="1397"/>
      <c r="I63" s="1397"/>
      <c r="J63" s="1397"/>
      <c r="K63" s="1397"/>
    </row>
    <row r="70" spans="1:11">
      <c r="B70" s="1388"/>
    </row>
    <row r="71" spans="1:11">
      <c r="B71" s="1399"/>
    </row>
    <row r="72" spans="1:11">
      <c r="B72" s="1399"/>
    </row>
    <row r="73" spans="1:11">
      <c r="B73" s="1399"/>
    </row>
    <row r="74" spans="1:11">
      <c r="B74" s="1399"/>
      <c r="D74" s="1403"/>
      <c r="E74" s="1403"/>
      <c r="F74" s="1403"/>
    </row>
    <row r="75" spans="1:11">
      <c r="A75" s="1405"/>
      <c r="B75" s="1397"/>
      <c r="C75" s="1397"/>
      <c r="D75" s="1397"/>
      <c r="E75" s="1397"/>
      <c r="F75" s="1397"/>
      <c r="G75" s="1397"/>
      <c r="H75" s="1397"/>
      <c r="I75" s="1397"/>
      <c r="J75" s="1397"/>
      <c r="K75" s="1397"/>
    </row>
    <row r="76" spans="1:11">
      <c r="A76" s="1397"/>
      <c r="B76" s="1397"/>
      <c r="C76" s="1397"/>
      <c r="D76" s="1397"/>
      <c r="E76" s="1397"/>
      <c r="F76" s="1397"/>
      <c r="G76" s="1397"/>
      <c r="H76" s="1397"/>
      <c r="I76" s="1397"/>
      <c r="J76" s="1397"/>
      <c r="K76" s="1397"/>
    </row>
    <row r="77" spans="1:11">
      <c r="A77" s="1397"/>
      <c r="B77" s="1397"/>
      <c r="C77" s="1397"/>
      <c r="D77" s="1397"/>
      <c r="E77" s="1397"/>
      <c r="F77" s="1397"/>
      <c r="G77" s="1397"/>
      <c r="H77" s="1397"/>
      <c r="I77" s="1397"/>
      <c r="J77" s="1397"/>
      <c r="K77" s="1397"/>
    </row>
    <row r="78" spans="1:11">
      <c r="A78" s="1397"/>
      <c r="B78" s="1397"/>
      <c r="C78" s="1397"/>
      <c r="D78" s="1397"/>
      <c r="E78" s="1397"/>
      <c r="F78" s="1397"/>
      <c r="G78" s="1397"/>
      <c r="H78" s="1397"/>
      <c r="I78" s="1397"/>
      <c r="J78" s="1397"/>
      <c r="K78" s="1397"/>
    </row>
    <row r="79" spans="1:11">
      <c r="A79" s="1397"/>
      <c r="B79" s="1397"/>
      <c r="C79" s="1397"/>
      <c r="D79" s="1406"/>
      <c r="E79" s="1406"/>
      <c r="F79" s="1406"/>
      <c r="G79" s="1397"/>
      <c r="H79" s="1397"/>
      <c r="I79" s="1397"/>
      <c r="J79" s="1397"/>
      <c r="K79" s="1397"/>
    </row>
    <row r="80" spans="1:11">
      <c r="A80" s="1397"/>
      <c r="B80" s="1397"/>
      <c r="C80" s="1397"/>
      <c r="D80" s="1400"/>
      <c r="E80" s="1400"/>
      <c r="F80" s="1400"/>
      <c r="G80" s="1397"/>
      <c r="H80" s="1397"/>
      <c r="I80" s="1397"/>
      <c r="J80" s="1397"/>
      <c r="K80" s="1397"/>
    </row>
    <row r="81" spans="1:11">
      <c r="A81" s="1397"/>
      <c r="B81" s="1397"/>
      <c r="C81" s="1397"/>
      <c r="D81" s="1406"/>
      <c r="E81" s="1406"/>
      <c r="F81" s="1406"/>
      <c r="G81" s="1397"/>
      <c r="H81" s="1397"/>
      <c r="I81" s="1397"/>
      <c r="J81" s="1397"/>
      <c r="K81" s="1397"/>
    </row>
    <row r="82" spans="1:11">
      <c r="A82" s="1397"/>
      <c r="B82" s="1397"/>
      <c r="C82" s="1397"/>
      <c r="D82" s="1397"/>
      <c r="E82" s="1397"/>
      <c r="F82" s="1397"/>
      <c r="G82" s="1397"/>
      <c r="H82" s="1397"/>
      <c r="I82" s="1397"/>
      <c r="J82" s="1397"/>
      <c r="K82" s="1397"/>
    </row>
    <row r="83" spans="1:11">
      <c r="A83" s="1397"/>
      <c r="B83" s="1397"/>
      <c r="C83" s="1397"/>
      <c r="D83" s="1397"/>
      <c r="E83" s="1397"/>
      <c r="F83" s="1397"/>
      <c r="G83" s="1397"/>
      <c r="H83" s="1397"/>
      <c r="I83" s="1397"/>
      <c r="J83" s="1397"/>
      <c r="K83" s="1397"/>
    </row>
    <row r="84" spans="1:11">
      <c r="A84" s="1397"/>
      <c r="B84" s="1397"/>
      <c r="C84" s="1397"/>
      <c r="D84" s="1397"/>
      <c r="E84" s="1397"/>
      <c r="F84" s="1397"/>
      <c r="G84" s="1397"/>
      <c r="H84" s="1397"/>
      <c r="I84" s="1397"/>
      <c r="J84" s="1397"/>
      <c r="K84" s="1397"/>
    </row>
    <row r="85" spans="1:11">
      <c r="A85" s="1397"/>
      <c r="C85" s="1397"/>
      <c r="D85" s="1397"/>
      <c r="E85" s="1397"/>
      <c r="F85" s="1397"/>
      <c r="G85" s="1397"/>
      <c r="H85" s="1397"/>
      <c r="I85" s="1397"/>
      <c r="J85" s="1397"/>
      <c r="K85" s="1397"/>
    </row>
    <row r="86" spans="1:11">
      <c r="A86" s="1397"/>
      <c r="B86" s="1397"/>
      <c r="C86" s="1397"/>
      <c r="D86" s="1397"/>
      <c r="E86" s="1397"/>
      <c r="F86" s="1397"/>
      <c r="G86" s="1397"/>
      <c r="H86" s="1397"/>
      <c r="I86" s="1397"/>
      <c r="J86" s="1397"/>
      <c r="K86" s="1397"/>
    </row>
    <row r="87" spans="1:11">
      <c r="A87" s="1397"/>
      <c r="B87" s="1397"/>
      <c r="C87" s="1397"/>
      <c r="D87" s="1397"/>
      <c r="E87" s="1397"/>
      <c r="F87" s="1397"/>
      <c r="G87" s="1397"/>
      <c r="H87" s="1397"/>
      <c r="I87" s="1397"/>
      <c r="J87" s="1397"/>
      <c r="K87" s="1397"/>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37" zoomScale="85" zoomScaleNormal="75" zoomScaleSheetLayoutView="85" workbookViewId="0">
      <selection activeCell="D41" sqref="D41"/>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6" t="s">
        <v>416</v>
      </c>
    </row>
    <row r="2" spans="1:15" ht="15.75">
      <c r="A2" s="1006" t="s">
        <v>416</v>
      </c>
    </row>
    <row r="3" spans="1:15"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1441" t="str">
        <f>TCOS!$F$5</f>
        <v>AEPTCo subsidiaries in PJM</v>
      </c>
      <c r="K3" s="1441" t="str">
        <f>TCOS!$F$5</f>
        <v>AEPTCo subsidiaries in PJM</v>
      </c>
      <c r="L3" s="1441" t="str">
        <f>TCOS!$F$5</f>
        <v>AEPTCo subsidiaries in PJM</v>
      </c>
      <c r="M3" s="421"/>
      <c r="N3" s="421"/>
      <c r="O3" s="421"/>
    </row>
    <row r="4" spans="1:15" ht="15">
      <c r="A4" s="1464" t="str">
        <f>"Cost of Service Formula Rate Using Actual/Projected FF1 Balances"</f>
        <v>Cost of Service Formula Rate Using Actual/Projected FF1 Balances</v>
      </c>
      <c r="B4" s="1464"/>
      <c r="C4" s="1464"/>
      <c r="D4" s="1464"/>
      <c r="E4" s="1464"/>
      <c r="F4" s="1464"/>
      <c r="G4" s="1464"/>
      <c r="H4" s="1464"/>
      <c r="I4" s="1464"/>
      <c r="J4" s="1464"/>
      <c r="K4" s="1464"/>
      <c r="L4" s="1464"/>
      <c r="M4" s="441"/>
      <c r="N4" s="441"/>
      <c r="O4" s="441"/>
    </row>
    <row r="5" spans="1:15" ht="15">
      <c r="A5" s="1464" t="s">
        <v>291</v>
      </c>
      <c r="B5" s="1464"/>
      <c r="C5" s="1464"/>
      <c r="D5" s="1464"/>
      <c r="E5" s="1464"/>
      <c r="F5" s="1464"/>
      <c r="G5" s="1464"/>
      <c r="H5" s="1464"/>
      <c r="I5" s="1464"/>
      <c r="J5" s="1464"/>
      <c r="K5" s="1464"/>
      <c r="L5" s="1464"/>
      <c r="M5" s="423"/>
      <c r="N5" s="423"/>
      <c r="O5" s="423"/>
    </row>
    <row r="6" spans="1:15" ht="15">
      <c r="A6" s="1465" t="str">
        <f>TCOS!F9</f>
        <v>AEP Indiana Michigan Transmission Company</v>
      </c>
      <c r="B6" s="1465"/>
      <c r="C6" s="1465"/>
      <c r="D6" s="1465"/>
      <c r="E6" s="1465"/>
      <c r="F6" s="1465"/>
      <c r="G6" s="1465"/>
      <c r="H6" s="1465"/>
      <c r="I6" s="1465"/>
      <c r="J6" s="1465"/>
      <c r="K6" s="1465"/>
      <c r="L6" s="1465"/>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62</v>
      </c>
      <c r="C8" s="443" t="s">
        <v>463</v>
      </c>
      <c r="D8" s="444" t="s">
        <v>331</v>
      </c>
      <c r="E8" s="444" t="s">
        <v>465</v>
      </c>
      <c r="F8" s="443"/>
      <c r="G8" s="443" t="s">
        <v>385</v>
      </c>
      <c r="H8" s="443"/>
      <c r="I8" s="443" t="s">
        <v>386</v>
      </c>
      <c r="J8" s="443" t="s">
        <v>387</v>
      </c>
      <c r="K8" s="443" t="s">
        <v>392</v>
      </c>
      <c r="L8" s="443" t="s">
        <v>296</v>
      </c>
      <c r="M8" s="443"/>
      <c r="N8" s="443"/>
      <c r="O8" s="443"/>
    </row>
    <row r="9" spans="1:15">
      <c r="A9" s="438"/>
    </row>
    <row r="10" spans="1:15" ht="18">
      <c r="A10" s="429"/>
      <c r="B10" s="1463" t="s">
        <v>499</v>
      </c>
      <c r="C10" s="1463"/>
      <c r="D10" s="1463"/>
      <c r="E10" s="1463"/>
      <c r="F10" s="1463"/>
      <c r="G10" s="1463"/>
      <c r="H10" s="1463"/>
      <c r="I10" s="1463"/>
      <c r="J10" s="1463"/>
      <c r="K10" s="1463"/>
      <c r="O10" s="427"/>
    </row>
    <row r="11" spans="1:15">
      <c r="A11" s="429"/>
      <c r="I11" s="156"/>
      <c r="J11" s="156"/>
      <c r="O11" s="427"/>
    </row>
    <row r="12" spans="1:15" ht="12.75" customHeight="1">
      <c r="A12" s="425" t="s">
        <v>469</v>
      </c>
      <c r="B12" s="433"/>
      <c r="C12" s="445"/>
      <c r="D12" s="446"/>
      <c r="E12" s="1467" t="str">
        <f>"Balance @ December 31, "&amp;TCOS!L4&amp;""</f>
        <v>Balance @ December 31, 2021</v>
      </c>
      <c r="F12" s="446"/>
      <c r="G12" s="1467" t="str">
        <f>"Balance @ December 31, "&amp;TCOS!L4-1&amp;""</f>
        <v>Balance @ December 31, 2020</v>
      </c>
      <c r="H12" s="447"/>
      <c r="I12" s="1469" t="str">
        <f>"Average Balance for "&amp;TCOS!L4&amp;""</f>
        <v>Average Balance for 2021</v>
      </c>
      <c r="J12" s="426"/>
      <c r="K12" s="430"/>
      <c r="L12" s="448"/>
      <c r="M12" s="430"/>
      <c r="N12" s="430"/>
      <c r="O12" s="427"/>
    </row>
    <row r="13" spans="1:15">
      <c r="A13" s="425" t="s">
        <v>407</v>
      </c>
      <c r="B13" s="431"/>
      <c r="C13" s="433"/>
      <c r="D13" s="449" t="s">
        <v>498</v>
      </c>
      <c r="E13" s="1468"/>
      <c r="F13" s="450"/>
      <c r="G13" s="1468"/>
      <c r="H13" s="451"/>
      <c r="I13" s="1470"/>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24</v>
      </c>
      <c r="D17" s="432" t="s">
        <v>218</v>
      </c>
      <c r="E17" s="1339">
        <v>3000</v>
      </c>
      <c r="F17" s="436"/>
      <c r="G17" s="1339">
        <v>3000</v>
      </c>
      <c r="H17" s="457"/>
      <c r="I17" s="434">
        <f>IF(G17="",0,(E17+G17)/2)</f>
        <v>300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25</v>
      </c>
      <c r="D19" s="432" t="s">
        <v>219</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71</v>
      </c>
      <c r="D21" s="432" t="s">
        <v>220</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63" t="s">
        <v>772</v>
      </c>
      <c r="C24" s="1463"/>
      <c r="D24" s="1463"/>
      <c r="E24" s="1463"/>
      <c r="F24" s="1463"/>
      <c r="G24" s="1463"/>
      <c r="H24" s="1463"/>
      <c r="I24" s="1463"/>
      <c r="J24" s="1463"/>
      <c r="K24" s="1463"/>
      <c r="L24" s="453"/>
      <c r="M24" s="428"/>
      <c r="N24" s="428"/>
    </row>
    <row r="25" spans="1:14" ht="12.75" customHeight="1">
      <c r="A25" s="431"/>
      <c r="B25" s="467"/>
      <c r="C25" s="433"/>
      <c r="D25" s="468"/>
      <c r="E25" s="469"/>
      <c r="F25" s="422"/>
      <c r="G25" s="469" t="s">
        <v>388</v>
      </c>
      <c r="I25" s="470" t="s">
        <v>417</v>
      </c>
      <c r="J25" s="470" t="s">
        <v>417</v>
      </c>
      <c r="K25" s="470" t="s">
        <v>479</v>
      </c>
      <c r="L25" s="453"/>
      <c r="M25" s="428"/>
      <c r="N25" s="428"/>
    </row>
    <row r="26" spans="1:14" ht="12.75" customHeight="1">
      <c r="A26" s="431"/>
      <c r="B26" s="467"/>
      <c r="C26" s="433"/>
      <c r="D26" s="471" t="s">
        <v>297</v>
      </c>
      <c r="E26" s="470" t="s">
        <v>327</v>
      </c>
      <c r="F26" s="422"/>
      <c r="G26" s="470" t="s">
        <v>417</v>
      </c>
      <c r="I26" s="470" t="s">
        <v>317</v>
      </c>
      <c r="J26" s="470" t="s">
        <v>461</v>
      </c>
      <c r="K26" s="470" t="s">
        <v>480</v>
      </c>
      <c r="L26" s="453"/>
      <c r="M26" s="428"/>
      <c r="N26" s="428"/>
    </row>
    <row r="27" spans="1:14" ht="12.75" customHeight="1">
      <c r="A27" s="431">
        <f>+A21+1</f>
        <v>5</v>
      </c>
      <c r="B27" s="467"/>
      <c r="C27" s="433"/>
      <c r="D27" s="472" t="s">
        <v>389</v>
      </c>
      <c r="E27" s="472" t="s">
        <v>298</v>
      </c>
      <c r="F27" s="422"/>
      <c r="G27" s="472" t="s">
        <v>318</v>
      </c>
      <c r="I27" s="472" t="s">
        <v>318</v>
      </c>
      <c r="J27" s="472" t="s">
        <v>318</v>
      </c>
      <c r="K27" s="472" t="s">
        <v>319</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1</v>
      </c>
      <c r="D29" s="474">
        <f>ROUND(D55,0)</f>
        <v>829000</v>
      </c>
      <c r="E29" s="475">
        <f>ROUND(E55,0)</f>
        <v>0</v>
      </c>
      <c r="F29" s="476"/>
      <c r="G29" s="474">
        <f>ROUND(G55,0)</f>
        <v>0</v>
      </c>
      <c r="H29" s="435"/>
      <c r="I29" s="474">
        <f>ROUND(I55,0)</f>
        <v>829000</v>
      </c>
      <c r="J29" s="477">
        <f>+J55</f>
        <v>0</v>
      </c>
      <c r="K29" s="474">
        <f>ROUND(K55,0)</f>
        <v>829000</v>
      </c>
      <c r="L29" s="453"/>
      <c r="M29" s="428"/>
      <c r="N29" s="428"/>
    </row>
    <row r="30" spans="1:14">
      <c r="A30" s="431">
        <f>+A29+1</f>
        <v>7</v>
      </c>
      <c r="B30" s="431"/>
      <c r="C30" s="422" t="str">
        <f>"Totals as of December 31, "&amp;(TCOS!L4-1)&amp;""</f>
        <v>Totals as of December 31, 2020</v>
      </c>
      <c r="D30" s="478">
        <f>ROUND(D79,0)</f>
        <v>829000</v>
      </c>
      <c r="E30" s="479">
        <f>ROUND(E79,0)</f>
        <v>0</v>
      </c>
      <c r="F30" s="436"/>
      <c r="G30" s="478">
        <f>ROUND(G79,0)</f>
        <v>0</v>
      </c>
      <c r="H30" s="435"/>
      <c r="I30" s="478">
        <f>ROUND(I79,0)</f>
        <v>829000</v>
      </c>
      <c r="J30" s="478">
        <f>+J79</f>
        <v>0</v>
      </c>
      <c r="K30" s="478">
        <f>ROUND(K79,0)</f>
        <v>829000</v>
      </c>
      <c r="L30" s="453"/>
      <c r="M30" s="428"/>
      <c r="N30" s="428"/>
    </row>
    <row r="31" spans="1:14" ht="13.5" thickBot="1">
      <c r="A31" s="431">
        <f>+A30+1</f>
        <v>8</v>
      </c>
      <c r="B31" s="431"/>
      <c r="C31" s="480" t="s">
        <v>505</v>
      </c>
      <c r="D31" s="481">
        <f>IF(D30="",0,(D29+D30)/2)</f>
        <v>829000</v>
      </c>
      <c r="E31" s="481">
        <f>IF(E30="",0,(E29+E30)/2)</f>
        <v>0</v>
      </c>
      <c r="F31" s="482"/>
      <c r="G31" s="481">
        <f>IF(G30="",0,(G29+G30)/2)</f>
        <v>0</v>
      </c>
      <c r="H31" s="483"/>
      <c r="I31" s="481">
        <f>IF(I30="",0,(I29+I30)/2)</f>
        <v>829000</v>
      </c>
      <c r="J31" s="481">
        <f>IF(J30="",0,(J29+J30)/2)</f>
        <v>0</v>
      </c>
      <c r="K31" s="481">
        <f>IF(K30="",0,(K29+K30)/2)</f>
        <v>82900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66" t="str">
        <f>"Prepayments Account 165 - Balance @ 12/31/"&amp;D36&amp;""</f>
        <v>Prepayments Account 165 - Balance @ 12/31/2021</v>
      </c>
      <c r="C34" s="1471"/>
      <c r="D34" s="1471"/>
      <c r="E34" s="1471"/>
      <c r="F34" s="1471"/>
      <c r="G34" s="1471"/>
      <c r="H34" s="1471"/>
      <c r="I34" s="1471"/>
      <c r="J34" s="1471"/>
      <c r="K34" s="452"/>
      <c r="L34" s="453"/>
      <c r="M34" s="428"/>
      <c r="N34" s="428"/>
    </row>
    <row r="35" spans="1:14">
      <c r="A35" s="431"/>
      <c r="B35" s="484"/>
      <c r="C35" s="485"/>
      <c r="D35" s="468"/>
      <c r="E35" s="469"/>
      <c r="F35" s="422"/>
      <c r="G35" s="469" t="s">
        <v>388</v>
      </c>
      <c r="I35" s="470" t="s">
        <v>417</v>
      </c>
      <c r="J35" s="470" t="s">
        <v>417</v>
      </c>
      <c r="K35" s="470" t="s">
        <v>479</v>
      </c>
      <c r="L35" s="173"/>
      <c r="M35" s="428"/>
      <c r="N35" s="428"/>
    </row>
    <row r="36" spans="1:14">
      <c r="A36" s="431"/>
      <c r="B36" s="484"/>
      <c r="C36" s="486"/>
      <c r="D36" s="471" t="str">
        <f>""&amp;TCOS!L4</f>
        <v>2021</v>
      </c>
      <c r="E36" s="470" t="s">
        <v>327</v>
      </c>
      <c r="F36" s="422"/>
      <c r="G36" s="470" t="s">
        <v>417</v>
      </c>
      <c r="I36" s="470" t="s">
        <v>317</v>
      </c>
      <c r="J36" s="470" t="s">
        <v>461</v>
      </c>
      <c r="K36" s="470" t="s">
        <v>480</v>
      </c>
      <c r="L36" s="173"/>
      <c r="M36" s="428"/>
      <c r="N36" s="428"/>
    </row>
    <row r="37" spans="1:14">
      <c r="A37" s="431">
        <f>+A31+1</f>
        <v>9</v>
      </c>
      <c r="B37" s="472" t="s">
        <v>391</v>
      </c>
      <c r="C37" s="472" t="s">
        <v>467</v>
      </c>
      <c r="D37" s="472" t="s">
        <v>389</v>
      </c>
      <c r="E37" s="472" t="s">
        <v>298</v>
      </c>
      <c r="F37" s="422"/>
      <c r="G37" s="472" t="s">
        <v>318</v>
      </c>
      <c r="I37" s="472" t="s">
        <v>318</v>
      </c>
      <c r="J37" s="472" t="s">
        <v>318</v>
      </c>
      <c r="K37" s="472" t="s">
        <v>319</v>
      </c>
      <c r="L37" s="472" t="s">
        <v>373</v>
      </c>
      <c r="M37" s="428"/>
      <c r="N37" s="428"/>
    </row>
    <row r="38" spans="1:14">
      <c r="A38" s="431"/>
      <c r="B38" s="484"/>
      <c r="C38" s="485"/>
      <c r="D38" s="485"/>
      <c r="E38" s="485"/>
      <c r="F38" s="422"/>
      <c r="G38" s="485"/>
      <c r="I38" s="485"/>
      <c r="J38" s="485"/>
      <c r="K38" s="473"/>
      <c r="L38" s="173"/>
      <c r="M38" s="428"/>
      <c r="N38" s="428"/>
    </row>
    <row r="39" spans="1:14" ht="14.25">
      <c r="A39" s="431">
        <f>+A37+1</f>
        <v>10</v>
      </c>
      <c r="B39" s="1311">
        <v>1650001</v>
      </c>
      <c r="C39" s="973" t="s">
        <v>808</v>
      </c>
      <c r="D39" s="1342">
        <v>374000</v>
      </c>
      <c r="E39" s="487">
        <f t="shared" ref="E39:E53" si="0">+D39-K39</f>
        <v>0</v>
      </c>
      <c r="F39" s="422"/>
      <c r="G39" s="488"/>
      <c r="I39" s="488">
        <f>+D39</f>
        <v>374000</v>
      </c>
      <c r="J39" s="488"/>
      <c r="K39" s="488">
        <f>+G39+I39+J39</f>
        <v>374000</v>
      </c>
      <c r="L39" s="173"/>
      <c r="M39" s="428"/>
      <c r="N39" s="428"/>
    </row>
    <row r="40" spans="1:14" ht="14.25">
      <c r="A40" s="431">
        <f>+A39+1</f>
        <v>11</v>
      </c>
      <c r="B40" s="1312">
        <v>1650021</v>
      </c>
      <c r="C40" s="973" t="s">
        <v>809</v>
      </c>
      <c r="D40" s="1342">
        <v>175000</v>
      </c>
      <c r="E40" s="487">
        <f t="shared" si="0"/>
        <v>0</v>
      </c>
      <c r="F40" s="422"/>
      <c r="G40" s="488"/>
      <c r="I40" s="488">
        <f>+D40</f>
        <v>175000</v>
      </c>
      <c r="J40" s="488"/>
      <c r="K40" s="488">
        <f t="shared" ref="K40:K54" si="1">+G40+I40+J40</f>
        <v>175000</v>
      </c>
      <c r="L40" s="173"/>
      <c r="M40" s="428"/>
      <c r="N40" s="428"/>
    </row>
    <row r="41" spans="1:14" ht="14.25">
      <c r="A41" s="431">
        <f t="shared" ref="A41:A54" si="2">+A40+1</f>
        <v>12</v>
      </c>
      <c r="B41" s="1311">
        <v>1650023</v>
      </c>
      <c r="C41" s="973" t="s">
        <v>810</v>
      </c>
      <c r="D41" s="1342">
        <v>280000</v>
      </c>
      <c r="E41" s="487">
        <f t="shared" si="0"/>
        <v>0</v>
      </c>
      <c r="F41" s="422"/>
      <c r="G41" s="488"/>
      <c r="I41" s="488">
        <f>+D41</f>
        <v>280000</v>
      </c>
      <c r="J41" s="488"/>
      <c r="K41" s="488">
        <f t="shared" si="1"/>
        <v>280000</v>
      </c>
      <c r="L41" s="173"/>
      <c r="M41" s="428"/>
      <c r="N41" s="428"/>
    </row>
    <row r="42" spans="1:14" ht="14.25">
      <c r="A42" s="431">
        <f t="shared" si="2"/>
        <v>13</v>
      </c>
      <c r="B42" s="971"/>
      <c r="C42" s="973"/>
      <c r="D42" s="998"/>
      <c r="E42" s="487">
        <f t="shared" si="0"/>
        <v>0</v>
      </c>
      <c r="F42" s="422"/>
      <c r="G42" s="488"/>
      <c r="I42" s="488">
        <f t="shared" ref="I42:I49" si="3">+D42</f>
        <v>0</v>
      </c>
      <c r="J42" s="488"/>
      <c r="K42" s="488">
        <f t="shared" si="1"/>
        <v>0</v>
      </c>
      <c r="L42" s="173"/>
      <c r="M42" s="428"/>
      <c r="N42" s="428"/>
    </row>
    <row r="43" spans="1:14" ht="14.25">
      <c r="A43" s="431">
        <f t="shared" si="2"/>
        <v>14</v>
      </c>
      <c r="B43" s="971"/>
      <c r="C43" s="973"/>
      <c r="D43" s="998"/>
      <c r="E43" s="487">
        <f t="shared" si="0"/>
        <v>0</v>
      </c>
      <c r="F43" s="422"/>
      <c r="G43" s="488"/>
      <c r="I43" s="488">
        <f t="shared" si="3"/>
        <v>0</v>
      </c>
      <c r="J43" s="488"/>
      <c r="K43" s="488">
        <f t="shared" si="1"/>
        <v>0</v>
      </c>
      <c r="L43" s="392"/>
      <c r="M43" s="428"/>
      <c r="N43" s="428"/>
    </row>
    <row r="44" spans="1:14" ht="14.25">
      <c r="A44" s="431">
        <f t="shared" si="2"/>
        <v>15</v>
      </c>
      <c r="B44" s="971"/>
      <c r="C44" s="973"/>
      <c r="D44" s="998"/>
      <c r="E44" s="487">
        <f t="shared" si="0"/>
        <v>0</v>
      </c>
      <c r="F44" s="422"/>
      <c r="G44" s="488"/>
      <c r="I44" s="488">
        <f t="shared" si="3"/>
        <v>0</v>
      </c>
      <c r="J44" s="488"/>
      <c r="K44" s="488">
        <f t="shared" si="1"/>
        <v>0</v>
      </c>
      <c r="L44" s="392"/>
      <c r="M44" s="428"/>
      <c r="N44" s="428"/>
    </row>
    <row r="45" spans="1:14" ht="14.25">
      <c r="A45" s="431">
        <f t="shared" si="2"/>
        <v>16</v>
      </c>
      <c r="B45" s="971"/>
      <c r="C45" s="973"/>
      <c r="D45" s="998"/>
      <c r="E45" s="487">
        <f t="shared" si="0"/>
        <v>0</v>
      </c>
      <c r="F45" s="422"/>
      <c r="G45" s="489"/>
      <c r="I45" s="488">
        <f t="shared" si="3"/>
        <v>0</v>
      </c>
      <c r="J45" s="489"/>
      <c r="K45" s="489">
        <f t="shared" si="1"/>
        <v>0</v>
      </c>
      <c r="L45" s="392"/>
      <c r="M45" s="428"/>
      <c r="N45" s="428"/>
    </row>
    <row r="46" spans="1:14" ht="14.25">
      <c r="A46" s="431">
        <f t="shared" si="2"/>
        <v>17</v>
      </c>
      <c r="B46" s="971"/>
      <c r="C46" s="973"/>
      <c r="D46" s="998"/>
      <c r="E46" s="487">
        <f t="shared" si="0"/>
        <v>0</v>
      </c>
      <c r="F46" s="422"/>
      <c r="G46" s="488"/>
      <c r="I46" s="488">
        <f t="shared" si="3"/>
        <v>0</v>
      </c>
      <c r="J46" s="488"/>
      <c r="K46" s="489">
        <f t="shared" si="1"/>
        <v>0</v>
      </c>
      <c r="L46" s="348"/>
      <c r="M46" s="428"/>
      <c r="N46" s="428"/>
    </row>
    <row r="47" spans="1:14" ht="14.25">
      <c r="A47" s="431">
        <f t="shared" si="2"/>
        <v>18</v>
      </c>
      <c r="B47" s="971"/>
      <c r="C47" s="973"/>
      <c r="D47" s="998"/>
      <c r="E47" s="487">
        <f t="shared" si="0"/>
        <v>0</v>
      </c>
      <c r="F47" s="422"/>
      <c r="G47" s="488"/>
      <c r="I47" s="488">
        <f t="shared" si="3"/>
        <v>0</v>
      </c>
      <c r="J47" s="488"/>
      <c r="K47" s="489">
        <f t="shared" si="1"/>
        <v>0</v>
      </c>
      <c r="L47" s="392"/>
      <c r="M47" s="428"/>
      <c r="N47" s="428"/>
    </row>
    <row r="48" spans="1:14" ht="14.25">
      <c r="A48" s="431">
        <f t="shared" si="2"/>
        <v>19</v>
      </c>
      <c r="B48" s="971"/>
      <c r="C48" s="973"/>
      <c r="D48" s="998"/>
      <c r="E48" s="487">
        <f t="shared" si="0"/>
        <v>0</v>
      </c>
      <c r="F48" s="422"/>
      <c r="G48" s="488"/>
      <c r="I48" s="488">
        <f t="shared" si="3"/>
        <v>0</v>
      </c>
      <c r="J48" s="488"/>
      <c r="K48" s="489">
        <f t="shared" si="1"/>
        <v>0</v>
      </c>
      <c r="L48" s="392"/>
      <c r="M48" s="428"/>
      <c r="N48" s="428"/>
    </row>
    <row r="49" spans="1:15" ht="14.25">
      <c r="A49" s="431">
        <f t="shared" si="2"/>
        <v>20</v>
      </c>
      <c r="B49" s="972"/>
      <c r="C49" s="973"/>
      <c r="D49" s="998"/>
      <c r="E49" s="487">
        <f t="shared" si="0"/>
        <v>0</v>
      </c>
      <c r="F49" s="422"/>
      <c r="G49" s="488"/>
      <c r="I49" s="488">
        <f t="shared" si="3"/>
        <v>0</v>
      </c>
      <c r="J49" s="490"/>
      <c r="K49" s="489">
        <f>+G49+I49+J49</f>
        <v>0</v>
      </c>
      <c r="L49" s="173"/>
      <c r="M49" s="428"/>
      <c r="N49" s="428"/>
    </row>
    <row r="50" spans="1:15" ht="14.25">
      <c r="A50" s="431">
        <f t="shared" si="2"/>
        <v>21</v>
      </c>
      <c r="B50" s="972"/>
      <c r="C50" s="973"/>
      <c r="D50" s="998"/>
      <c r="E50" s="487">
        <f t="shared" si="0"/>
        <v>0</v>
      </c>
      <c r="F50" s="422"/>
      <c r="G50" s="488"/>
      <c r="I50" s="488">
        <f>D50</f>
        <v>0</v>
      </c>
      <c r="J50" s="490">
        <v>0</v>
      </c>
      <c r="K50" s="489">
        <f>+G50+I50+J50</f>
        <v>0</v>
      </c>
      <c r="L50" s="173"/>
      <c r="M50" s="428"/>
      <c r="N50" s="428"/>
    </row>
    <row r="51" spans="1:15" ht="14.25">
      <c r="A51" s="431">
        <f t="shared" si="2"/>
        <v>22</v>
      </c>
      <c r="B51" s="972"/>
      <c r="C51" s="973"/>
      <c r="D51" s="998"/>
      <c r="E51" s="487">
        <f t="shared" si="0"/>
        <v>0</v>
      </c>
      <c r="F51" s="422"/>
      <c r="G51" s="488"/>
      <c r="I51" s="488"/>
      <c r="J51" s="490">
        <f>D51</f>
        <v>0</v>
      </c>
      <c r="K51" s="489">
        <f>+G51+I51+J51</f>
        <v>0</v>
      </c>
      <c r="L51" s="392"/>
      <c r="M51" s="428"/>
      <c r="N51" s="428"/>
    </row>
    <row r="52" spans="1:15" ht="14.25">
      <c r="A52" s="431">
        <f t="shared" si="2"/>
        <v>23</v>
      </c>
      <c r="B52" s="972"/>
      <c r="C52" s="973"/>
      <c r="D52" s="998"/>
      <c r="E52" s="487">
        <f t="shared" si="0"/>
        <v>0</v>
      </c>
      <c r="F52" s="422"/>
      <c r="G52" s="488"/>
      <c r="I52" s="488"/>
      <c r="J52" s="490">
        <f>D52</f>
        <v>0</v>
      </c>
      <c r="K52" s="489">
        <f>+G52+I52+J52</f>
        <v>0</v>
      </c>
      <c r="L52" s="392"/>
      <c r="M52" s="428"/>
      <c r="N52" s="428"/>
    </row>
    <row r="53" spans="1:15" ht="14.25">
      <c r="A53" s="431">
        <f t="shared" si="2"/>
        <v>24</v>
      </c>
      <c r="B53" s="972"/>
      <c r="C53" s="973"/>
      <c r="D53" s="998"/>
      <c r="E53" s="487">
        <f t="shared" si="0"/>
        <v>0</v>
      </c>
      <c r="F53" s="422"/>
      <c r="G53" s="488"/>
      <c r="I53" s="488"/>
      <c r="J53" s="490">
        <f>D53</f>
        <v>0</v>
      </c>
      <c r="K53" s="489">
        <f t="shared" si="1"/>
        <v>0</v>
      </c>
      <c r="L53" s="392"/>
      <c r="M53" s="428"/>
      <c r="N53" s="428"/>
    </row>
    <row r="54" spans="1:15" ht="15" thickBot="1">
      <c r="A54" s="431">
        <f t="shared" si="2"/>
        <v>25</v>
      </c>
      <c r="B54" s="972"/>
      <c r="C54" s="973"/>
      <c r="D54" s="998"/>
      <c r="E54" s="487"/>
      <c r="F54" s="422"/>
      <c r="G54" s="488"/>
      <c r="I54" s="488"/>
      <c r="J54" s="488">
        <f>D54</f>
        <v>0</v>
      </c>
      <c r="K54" s="489">
        <f t="shared" si="1"/>
        <v>0</v>
      </c>
      <c r="L54" s="392"/>
      <c r="M54" s="428"/>
      <c r="N54" s="428"/>
    </row>
    <row r="55" spans="1:15">
      <c r="A55" s="431"/>
      <c r="B55" s="484"/>
      <c r="C55" s="491" t="s">
        <v>299</v>
      </c>
      <c r="D55" s="492">
        <f>SUM(D39:D54)</f>
        <v>829000</v>
      </c>
      <c r="E55" s="493">
        <f>SUM(E39:E54)</f>
        <v>0</v>
      </c>
      <c r="F55" s="422"/>
      <c r="G55" s="492">
        <f>SUM(G39:G54)</f>
        <v>0</v>
      </c>
      <c r="I55" s="492">
        <f>SUM(I39:I54)</f>
        <v>829000</v>
      </c>
      <c r="J55" s="492">
        <f>SUM(J39:J54)</f>
        <v>0</v>
      </c>
      <c r="K55" s="492">
        <f>SUM(K39:K54)</f>
        <v>829000</v>
      </c>
      <c r="L55" s="173"/>
      <c r="M55" s="428"/>
      <c r="N55" s="428"/>
    </row>
    <row r="56" spans="1:15">
      <c r="A56" s="431"/>
      <c r="D56" s="494" t="s">
        <v>416</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66" t="str">
        <f>"Prepayments Account 165 - Balance @ 12/31/ "&amp;D60&amp;""</f>
        <v>Prepayments Account 165 - Balance @ 12/31/ 2020</v>
      </c>
      <c r="C58" s="1466"/>
      <c r="D58" s="1466"/>
      <c r="E58" s="1466"/>
      <c r="F58" s="1466"/>
      <c r="G58" s="1466"/>
      <c r="H58" s="1466"/>
      <c r="I58" s="1466"/>
      <c r="J58" s="1466"/>
      <c r="K58" s="452"/>
      <c r="L58" s="453"/>
      <c r="M58" s="428"/>
      <c r="N58" s="428"/>
      <c r="O58" s="173"/>
    </row>
    <row r="59" spans="1:15">
      <c r="A59" s="431"/>
      <c r="B59" s="496"/>
      <c r="C59" s="497"/>
      <c r="D59" s="498"/>
      <c r="E59" s="469"/>
      <c r="F59" s="422"/>
      <c r="G59" s="469" t="s">
        <v>388</v>
      </c>
      <c r="I59" s="470" t="s">
        <v>417</v>
      </c>
      <c r="J59" s="470" t="s">
        <v>417</v>
      </c>
      <c r="K59" s="470" t="s">
        <v>479</v>
      </c>
      <c r="L59" s="173"/>
      <c r="M59" s="428"/>
      <c r="N59" s="428"/>
      <c r="O59" s="173"/>
    </row>
    <row r="60" spans="1:15">
      <c r="A60" s="431"/>
      <c r="B60" s="496"/>
      <c r="C60" s="499"/>
      <c r="D60" s="470" t="str">
        <f>""&amp;TCOS!L4-1&amp;""</f>
        <v>2020</v>
      </c>
      <c r="E60" s="470" t="s">
        <v>327</v>
      </c>
      <c r="F60" s="422"/>
      <c r="G60" s="470" t="s">
        <v>417</v>
      </c>
      <c r="I60" s="470" t="s">
        <v>317</v>
      </c>
      <c r="J60" s="470" t="s">
        <v>461</v>
      </c>
      <c r="K60" s="470" t="s">
        <v>480</v>
      </c>
      <c r="L60" s="173"/>
      <c r="M60" s="428"/>
      <c r="N60" s="428"/>
      <c r="O60" s="173"/>
    </row>
    <row r="61" spans="1:15">
      <c r="A61" s="431">
        <f>A54+1</f>
        <v>26</v>
      </c>
      <c r="B61" s="472" t="s">
        <v>391</v>
      </c>
      <c r="C61" s="472" t="s">
        <v>467</v>
      </c>
      <c r="D61" s="472" t="s">
        <v>389</v>
      </c>
      <c r="E61" s="472" t="s">
        <v>298</v>
      </c>
      <c r="F61" s="422"/>
      <c r="G61" s="472" t="s">
        <v>318</v>
      </c>
      <c r="I61" s="472" t="s">
        <v>318</v>
      </c>
      <c r="J61" s="472" t="s">
        <v>318</v>
      </c>
      <c r="K61" s="472" t="s">
        <v>319</v>
      </c>
      <c r="L61" s="472" t="s">
        <v>373</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11">
        <v>1650001</v>
      </c>
      <c r="C63" s="973" t="s">
        <v>808</v>
      </c>
      <c r="D63" s="1342">
        <v>374000</v>
      </c>
      <c r="E63" s="173"/>
      <c r="F63" s="173"/>
      <c r="G63" s="173"/>
      <c r="H63" s="173"/>
      <c r="I63" s="500">
        <f>+D63</f>
        <v>374000</v>
      </c>
      <c r="J63" s="173"/>
      <c r="K63" s="488">
        <f t="shared" ref="K63:K78" si="4">+G63+I63+J63</f>
        <v>374000</v>
      </c>
      <c r="L63" s="173"/>
      <c r="M63" s="428"/>
      <c r="N63" s="428"/>
      <c r="O63" s="173"/>
    </row>
    <row r="64" spans="1:15" ht="14.25">
      <c r="A64" s="431">
        <f>+A63+1</f>
        <v>28</v>
      </c>
      <c r="B64" s="1312">
        <v>1650021</v>
      </c>
      <c r="C64" s="973" t="s">
        <v>809</v>
      </c>
      <c r="D64" s="1342">
        <v>175000</v>
      </c>
      <c r="E64" s="487">
        <f>+D64-K64</f>
        <v>0</v>
      </c>
      <c r="F64" s="422"/>
      <c r="G64" s="488"/>
      <c r="I64" s="488">
        <f>+D64</f>
        <v>175000</v>
      </c>
      <c r="J64" s="488"/>
      <c r="K64" s="488">
        <f t="shared" si="4"/>
        <v>175000</v>
      </c>
      <c r="L64" s="173"/>
      <c r="M64" s="428"/>
      <c r="N64" s="428"/>
      <c r="O64" s="173"/>
    </row>
    <row r="65" spans="1:15" ht="14.25">
      <c r="A65" s="431">
        <f t="shared" ref="A65:A78" si="5">+A64+1</f>
        <v>29</v>
      </c>
      <c r="B65" s="1311">
        <v>1650023</v>
      </c>
      <c r="C65" s="973" t="s">
        <v>810</v>
      </c>
      <c r="D65" s="1342">
        <v>280000</v>
      </c>
      <c r="E65" s="487">
        <f>+D65-K65</f>
        <v>0</v>
      </c>
      <c r="F65" s="422"/>
      <c r="G65" s="488"/>
      <c r="I65" s="488">
        <f>+D65</f>
        <v>280000</v>
      </c>
      <c r="J65" s="488"/>
      <c r="K65" s="488">
        <f t="shared" si="4"/>
        <v>280000</v>
      </c>
      <c r="L65" s="173"/>
      <c r="M65" s="428"/>
      <c r="N65" s="428"/>
      <c r="O65" s="173"/>
    </row>
    <row r="66" spans="1:15" ht="14.25">
      <c r="A66" s="431">
        <f t="shared" si="5"/>
        <v>30</v>
      </c>
      <c r="B66" s="972"/>
      <c r="C66" s="973"/>
      <c r="D66" s="998"/>
      <c r="E66" s="487">
        <f>+D66-K66</f>
        <v>0</v>
      </c>
      <c r="F66" s="422"/>
      <c r="G66" s="488"/>
      <c r="I66" s="488"/>
      <c r="J66" s="488"/>
      <c r="K66" s="488">
        <f t="shared" si="4"/>
        <v>0</v>
      </c>
      <c r="L66" s="173"/>
      <c r="M66" s="428"/>
      <c r="N66" s="428"/>
      <c r="O66" s="173"/>
    </row>
    <row r="67" spans="1:15" ht="14.25">
      <c r="A67" s="431">
        <f t="shared" si="5"/>
        <v>31</v>
      </c>
      <c r="B67" s="972"/>
      <c r="C67" s="973"/>
      <c r="D67" s="998"/>
      <c r="E67" s="487">
        <f>+D67-K67</f>
        <v>0</v>
      </c>
      <c r="F67" s="422"/>
      <c r="G67" s="488"/>
      <c r="I67" s="488"/>
      <c r="J67" s="488"/>
      <c r="K67" s="488">
        <f t="shared" si="4"/>
        <v>0</v>
      </c>
      <c r="L67" s="392"/>
      <c r="M67" s="428"/>
      <c r="N67" s="428"/>
      <c r="O67" s="173"/>
    </row>
    <row r="68" spans="1:15" ht="14.25">
      <c r="A68" s="431">
        <f t="shared" si="5"/>
        <v>32</v>
      </c>
      <c r="B68" s="972"/>
      <c r="C68" s="973"/>
      <c r="D68" s="998"/>
      <c r="E68" s="488">
        <f>+D68-K68</f>
        <v>0</v>
      </c>
      <c r="F68" s="422"/>
      <c r="G68" s="488"/>
      <c r="I68" s="488"/>
      <c r="J68" s="488"/>
      <c r="K68" s="488">
        <f t="shared" si="4"/>
        <v>0</v>
      </c>
      <c r="L68" s="392"/>
      <c r="M68" s="428"/>
      <c r="N68" s="428"/>
      <c r="O68" s="173"/>
    </row>
    <row r="69" spans="1:15" ht="14.25">
      <c r="A69" s="431">
        <f t="shared" si="5"/>
        <v>33</v>
      </c>
      <c r="B69" s="972"/>
      <c r="C69" s="973"/>
      <c r="D69" s="998"/>
      <c r="E69" s="489">
        <f>+D69</f>
        <v>0</v>
      </c>
      <c r="F69" s="422"/>
      <c r="G69" s="489"/>
      <c r="I69" s="489"/>
      <c r="J69" s="489"/>
      <c r="K69" s="489">
        <f t="shared" si="4"/>
        <v>0</v>
      </c>
      <c r="L69" s="392"/>
      <c r="M69" s="428"/>
      <c r="N69" s="428"/>
      <c r="O69" s="173"/>
    </row>
    <row r="70" spans="1:15" ht="14.25">
      <c r="A70" s="431">
        <f t="shared" si="5"/>
        <v>34</v>
      </c>
      <c r="B70" s="972"/>
      <c r="C70" s="973"/>
      <c r="D70" s="998"/>
      <c r="E70" s="488">
        <f>+D70-K70</f>
        <v>0</v>
      </c>
      <c r="F70" s="422"/>
      <c r="G70" s="488"/>
      <c r="I70" s="488"/>
      <c r="J70" s="488"/>
      <c r="K70" s="489">
        <f t="shared" si="4"/>
        <v>0</v>
      </c>
      <c r="L70" s="348"/>
      <c r="M70" s="428"/>
      <c r="N70" s="428"/>
      <c r="O70" s="173"/>
    </row>
    <row r="71" spans="1:15" ht="14.25">
      <c r="A71" s="431">
        <f t="shared" si="5"/>
        <v>35</v>
      </c>
      <c r="B71" s="972"/>
      <c r="C71" s="973"/>
      <c r="D71" s="998"/>
      <c r="E71" s="488"/>
      <c r="F71" s="422"/>
      <c r="G71" s="488"/>
      <c r="I71" s="488"/>
      <c r="J71" s="488"/>
      <c r="K71" s="489">
        <f t="shared" si="4"/>
        <v>0</v>
      </c>
      <c r="L71" s="392"/>
      <c r="M71" s="428"/>
      <c r="N71" s="428"/>
      <c r="O71" s="173"/>
    </row>
    <row r="72" spans="1:15" ht="14.25">
      <c r="A72" s="431">
        <f>+A69+1</f>
        <v>34</v>
      </c>
      <c r="B72" s="972"/>
      <c r="C72" s="973"/>
      <c r="D72" s="998"/>
      <c r="E72" s="488">
        <f>+D72</f>
        <v>0</v>
      </c>
      <c r="F72" s="422"/>
      <c r="G72" s="488"/>
      <c r="I72" s="488"/>
      <c r="J72" s="488"/>
      <c r="K72" s="489">
        <f>+G72+I72+J72</f>
        <v>0</v>
      </c>
      <c r="L72" s="392"/>
      <c r="M72" s="428"/>
      <c r="N72" s="428"/>
      <c r="O72" s="173"/>
    </row>
    <row r="73" spans="1:15" ht="14.25">
      <c r="A73" s="431">
        <f t="shared" si="5"/>
        <v>35</v>
      </c>
      <c r="B73" s="972"/>
      <c r="C73" s="973"/>
      <c r="D73" s="998"/>
      <c r="E73" s="488">
        <v>0</v>
      </c>
      <c r="F73" s="422"/>
      <c r="G73" s="488"/>
      <c r="I73" s="488">
        <f>D73</f>
        <v>0</v>
      </c>
      <c r="J73" s="490"/>
      <c r="K73" s="489">
        <f>+G73+I73+J73</f>
        <v>0</v>
      </c>
      <c r="L73" s="173"/>
      <c r="M73" s="428"/>
      <c r="N73" s="428"/>
      <c r="O73" s="173"/>
    </row>
    <row r="74" spans="1:15" ht="14.25">
      <c r="A74" s="431">
        <f t="shared" si="5"/>
        <v>36</v>
      </c>
      <c r="B74" s="972"/>
      <c r="C74" s="973"/>
      <c r="D74" s="998"/>
      <c r="E74" s="487">
        <v>0</v>
      </c>
      <c r="F74" s="422"/>
      <c r="G74" s="488"/>
      <c r="I74" s="488">
        <f>D74</f>
        <v>0</v>
      </c>
      <c r="J74" s="490">
        <v>0</v>
      </c>
      <c r="K74" s="489">
        <f>+G74+I74+J74</f>
        <v>0</v>
      </c>
      <c r="L74" s="173"/>
      <c r="M74" s="428"/>
      <c r="N74" s="428"/>
      <c r="O74" s="173"/>
    </row>
    <row r="75" spans="1:15" ht="14.25">
      <c r="A75" s="431">
        <f t="shared" si="5"/>
        <v>37</v>
      </c>
      <c r="B75" s="972"/>
      <c r="C75" s="973"/>
      <c r="D75" s="998"/>
      <c r="E75" s="487">
        <f>+D75-K75</f>
        <v>0</v>
      </c>
      <c r="F75" s="422"/>
      <c r="G75" s="488"/>
      <c r="I75" s="488"/>
      <c r="J75" s="490">
        <f>D75</f>
        <v>0</v>
      </c>
      <c r="K75" s="489">
        <f>+G75+I75+J75</f>
        <v>0</v>
      </c>
      <c r="L75" s="392"/>
      <c r="M75" s="428"/>
      <c r="N75" s="428"/>
      <c r="O75" s="173"/>
    </row>
    <row r="76" spans="1:15" ht="14.25">
      <c r="A76" s="431">
        <f t="shared" si="5"/>
        <v>38</v>
      </c>
      <c r="B76" s="972"/>
      <c r="C76" s="973"/>
      <c r="D76" s="998"/>
      <c r="E76" s="487">
        <f>+D76-K76</f>
        <v>0</v>
      </c>
      <c r="F76" s="422"/>
      <c r="G76" s="488"/>
      <c r="I76" s="488"/>
      <c r="J76" s="490">
        <f>D76</f>
        <v>0</v>
      </c>
      <c r="K76" s="489">
        <f t="shared" si="4"/>
        <v>0</v>
      </c>
      <c r="L76" s="392"/>
      <c r="M76" s="428"/>
      <c r="N76" s="428"/>
      <c r="O76" s="173"/>
    </row>
    <row r="77" spans="1:15" ht="14.25">
      <c r="A77" s="431">
        <f t="shared" si="5"/>
        <v>39</v>
      </c>
      <c r="B77" s="972"/>
      <c r="C77" s="973"/>
      <c r="D77" s="998"/>
      <c r="E77" s="487">
        <f>+D77-K77</f>
        <v>0</v>
      </c>
      <c r="F77" s="422"/>
      <c r="G77" s="488"/>
      <c r="I77" s="488"/>
      <c r="J77" s="490">
        <f>D77</f>
        <v>0</v>
      </c>
      <c r="K77" s="489">
        <f t="shared" si="4"/>
        <v>0</v>
      </c>
      <c r="L77" s="392"/>
      <c r="M77" s="428"/>
      <c r="N77" s="428"/>
      <c r="O77" s="173"/>
    </row>
    <row r="78" spans="1:15" ht="15" thickBot="1">
      <c r="A78" s="431">
        <f t="shared" si="5"/>
        <v>40</v>
      </c>
      <c r="B78" s="972"/>
      <c r="C78" s="973"/>
      <c r="D78" s="998"/>
      <c r="E78" s="487"/>
      <c r="F78" s="422"/>
      <c r="G78" s="488"/>
      <c r="I78" s="488"/>
      <c r="J78" s="488">
        <f>D78</f>
        <v>0</v>
      </c>
      <c r="K78" s="489">
        <f t="shared" si="4"/>
        <v>0</v>
      </c>
      <c r="L78" s="392"/>
      <c r="M78" s="428"/>
      <c r="N78" s="428"/>
      <c r="O78" s="173"/>
    </row>
    <row r="79" spans="1:15">
      <c r="A79" s="431"/>
      <c r="B79" s="484"/>
      <c r="C79" s="1250" t="s">
        <v>626</v>
      </c>
      <c r="D79" s="492">
        <f>SUM(D63:D78)</f>
        <v>829000</v>
      </c>
      <c r="E79" s="493">
        <f>SUM(E63:E78)</f>
        <v>0</v>
      </c>
      <c r="F79" s="422"/>
      <c r="G79" s="492">
        <f>SUM(G63:G78)</f>
        <v>0</v>
      </c>
      <c r="I79" s="492">
        <f>SUM(I63:I78)</f>
        <v>829000</v>
      </c>
      <c r="J79" s="492">
        <f>SUM(J63:J78)</f>
        <v>0</v>
      </c>
      <c r="K79" s="492">
        <f>SUM(K63:K78)</f>
        <v>82900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9" t="s">
        <v>695</v>
      </c>
      <c r="B81" s="1472" t="s">
        <v>781</v>
      </c>
      <c r="C81" s="1472"/>
      <c r="D81" s="1472"/>
      <c r="E81" s="1472"/>
      <c r="F81" s="1472"/>
      <c r="G81" s="1472"/>
      <c r="H81" s="1472"/>
      <c r="I81" s="1472"/>
      <c r="J81" s="1472"/>
      <c r="K81" s="1472"/>
      <c r="L81" s="1472"/>
      <c r="M81" s="428"/>
      <c r="N81" s="428"/>
      <c r="O81" s="173"/>
    </row>
    <row r="82" spans="1:15" ht="20.25" customHeight="1">
      <c r="A82" s="1251"/>
      <c r="B82" s="1472"/>
      <c r="C82" s="1472"/>
      <c r="D82" s="1472"/>
      <c r="E82" s="1472"/>
      <c r="F82" s="1472"/>
      <c r="G82" s="1472"/>
      <c r="H82" s="1472"/>
      <c r="I82" s="1472"/>
      <c r="J82" s="1472"/>
      <c r="K82" s="1472"/>
      <c r="L82" s="1472"/>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58:J58"/>
    <mergeCell ref="B24:K24"/>
    <mergeCell ref="E12:E13"/>
    <mergeCell ref="I12:I13"/>
    <mergeCell ref="B34:J34"/>
    <mergeCell ref="G12:G13"/>
    <mergeCell ref="B10:K10"/>
    <mergeCell ref="A3:L3"/>
    <mergeCell ref="A4:L4"/>
    <mergeCell ref="A5:L5"/>
    <mergeCell ref="A6:L6"/>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t="s">
        <v>416</v>
      </c>
    </row>
    <row r="2" spans="1:15" ht="15.75">
      <c r="A2" s="1006" t="s">
        <v>416</v>
      </c>
    </row>
    <row r="3" spans="1:15" ht="15">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421"/>
      <c r="G3" s="421"/>
      <c r="H3" s="421"/>
      <c r="I3" s="421"/>
      <c r="J3" s="421"/>
      <c r="K3" s="421"/>
      <c r="L3" s="421"/>
      <c r="M3" s="421"/>
      <c r="N3" s="421"/>
      <c r="O3" s="421"/>
    </row>
    <row r="4" spans="1:15" ht="15">
      <c r="A4" s="1464" t="str">
        <f>"Cost of Service Formula Rate Using Actual/Projected FF1 Balances"</f>
        <v>Cost of Service Formula Rate Using Actual/Projected FF1 Balances</v>
      </c>
      <c r="B4" s="1464"/>
      <c r="C4" s="1464"/>
      <c r="D4" s="1464"/>
      <c r="E4" s="1464"/>
      <c r="F4" s="423"/>
      <c r="G4" s="423"/>
      <c r="H4" s="423"/>
      <c r="I4" s="423"/>
      <c r="J4" s="423"/>
      <c r="K4" s="423"/>
      <c r="L4" s="423"/>
      <c r="M4" s="441"/>
      <c r="N4" s="441"/>
      <c r="O4" s="441"/>
    </row>
    <row r="5" spans="1:15" ht="15">
      <c r="A5" s="1464" t="s">
        <v>553</v>
      </c>
      <c r="B5" s="1464"/>
      <c r="C5" s="1464"/>
      <c r="D5" s="1464"/>
      <c r="E5" s="1464"/>
      <c r="F5" s="423"/>
      <c r="G5" s="423"/>
      <c r="H5" s="423"/>
      <c r="I5" s="423"/>
      <c r="J5" s="423"/>
      <c r="K5" s="423"/>
      <c r="L5" s="423"/>
      <c r="M5" s="423"/>
      <c r="N5" s="423"/>
      <c r="O5" s="423"/>
    </row>
    <row r="6" spans="1:15" ht="15">
      <c r="A6" s="1465" t="str">
        <f>TCOS!F9</f>
        <v>AEP Indiana Michigan Transmission Company</v>
      </c>
      <c r="B6" s="1465"/>
      <c r="C6" s="1465"/>
      <c r="D6" s="1465"/>
      <c r="E6" s="1465"/>
      <c r="F6" s="169"/>
      <c r="G6" s="169"/>
      <c r="H6" s="169"/>
      <c r="I6" s="169"/>
      <c r="J6" s="169"/>
      <c r="K6" s="169"/>
      <c r="L6" s="169"/>
      <c r="M6" s="169"/>
      <c r="N6" s="169"/>
      <c r="O6" s="169"/>
    </row>
    <row r="8" spans="1:15">
      <c r="A8" s="502" t="s">
        <v>469</v>
      </c>
      <c r="B8" s="503" t="s">
        <v>462</v>
      </c>
      <c r="C8" s="503" t="s">
        <v>463</v>
      </c>
    </row>
    <row r="9" spans="1:15">
      <c r="A9" s="502" t="s">
        <v>407</v>
      </c>
      <c r="B9" s="502" t="s">
        <v>467</v>
      </c>
      <c r="C9" s="502">
        <f>+TCOS!L4</f>
        <v>2021</v>
      </c>
    </row>
    <row r="10" spans="1:15">
      <c r="A10" s="504"/>
      <c r="B10" s="505"/>
      <c r="C10" s="503"/>
    </row>
    <row r="11" spans="1:15">
      <c r="A11" s="273">
        <v>1</v>
      </c>
      <c r="B11" s="1252" t="str">
        <f>"Net Funds from IPP Customers 12/31/"&amp;TCOS!L4-1&amp;" ("&amp;TCOS!L4&amp;" FORM 1, P269)"</f>
        <v>Net Funds from IPP Customers 12/31/2020 (2021 FORM 1, P269)</v>
      </c>
      <c r="C11" s="518">
        <v>0</v>
      </c>
      <c r="D11" s="392"/>
    </row>
    <row r="12" spans="1:15">
      <c r="B12" s="348"/>
      <c r="D12" s="392"/>
    </row>
    <row r="13" spans="1:15">
      <c r="A13" s="506">
        <v>2</v>
      </c>
      <c r="B13" s="1252" t="s">
        <v>259</v>
      </c>
      <c r="C13" s="518">
        <v>0</v>
      </c>
      <c r="D13" s="392"/>
    </row>
    <row r="14" spans="1:15">
      <c r="A14" s="506"/>
      <c r="B14" s="1252"/>
      <c r="D14" s="392"/>
    </row>
    <row r="15" spans="1:15">
      <c r="A15" s="506">
        <f>+A13+1</f>
        <v>3</v>
      </c>
      <c r="B15" s="1252" t="s">
        <v>337</v>
      </c>
      <c r="C15" s="518">
        <v>0</v>
      </c>
      <c r="D15" s="392"/>
    </row>
    <row r="16" spans="1:15">
      <c r="A16" s="506"/>
      <c r="B16" s="1252"/>
      <c r="D16" s="392"/>
    </row>
    <row r="17" spans="1:4">
      <c r="A17" s="506">
        <f>+A15+1</f>
        <v>4</v>
      </c>
      <c r="B17" s="1253" t="s">
        <v>0</v>
      </c>
      <c r="D17" s="392"/>
    </row>
    <row r="18" spans="1:4">
      <c r="A18" s="507">
        <f>+A17+1</f>
        <v>5</v>
      </c>
      <c r="B18" s="1252" t="s">
        <v>338</v>
      </c>
      <c r="C18" s="518">
        <v>0</v>
      </c>
      <c r="D18" s="392"/>
    </row>
    <row r="19" spans="1:4">
      <c r="A19" s="507">
        <f>+A18+1</f>
        <v>6</v>
      </c>
      <c r="B19" s="1254" t="s">
        <v>416</v>
      </c>
      <c r="C19" s="518">
        <v>0</v>
      </c>
      <c r="D19" s="392"/>
    </row>
    <row r="20" spans="1:4">
      <c r="A20" s="507"/>
      <c r="B20" s="348"/>
      <c r="C20" s="510"/>
      <c r="D20" s="392"/>
    </row>
    <row r="21" spans="1:4">
      <c r="A21" s="507">
        <f>+A19+1</f>
        <v>7</v>
      </c>
      <c r="B21" s="1252" t="str">
        <f>"Net Funds from IPP Customers 12/31/"&amp;TCOS!L4&amp;" ("&amp;TCOS!L4&amp;" FORM 1, P269)"</f>
        <v>Net Funds from IPP Customers 12/31/2021 (2021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95</v>
      </c>
      <c r="B26" s="1473" t="str">
        <f>"On this worksheet Company Records refers to  "&amp;A6&amp;"'s general ledger."</f>
        <v>On this worksheet Company Records refers to  AEP Indiana Michigan Transmission Company's general ledger.</v>
      </c>
      <c r="C26" s="410"/>
      <c r="D26" s="392"/>
    </row>
    <row r="27" spans="1:4">
      <c r="A27" s="515"/>
      <c r="B27" s="1474"/>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M5" sqref="M5:M6"/>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6" t="s">
        <v>416</v>
      </c>
    </row>
    <row r="2" spans="1:22" ht="15.75">
      <c r="A2" s="1006" t="s">
        <v>416</v>
      </c>
    </row>
    <row r="3" spans="1:22">
      <c r="A3" s="1441" t="str">
        <f>TCOS!$F$5</f>
        <v>AEPTCo subsidiaries in PJM</v>
      </c>
      <c r="B3" s="1441" t="str">
        <f>TCOS!$F$5</f>
        <v>AEPTCo subsidiaries in PJM</v>
      </c>
      <c r="C3" s="1441" t="str">
        <f>TCOS!$F$5</f>
        <v>AEPTCo subsidiaries in PJM</v>
      </c>
      <c r="D3" s="1441" t="str">
        <f>TCOS!$F$5</f>
        <v>AEPTCo subsidiaries in PJM</v>
      </c>
      <c r="E3" s="1441" t="str">
        <f>TCOS!$F$5</f>
        <v>AEPTCo subsidiaries in PJM</v>
      </c>
      <c r="F3" s="1441" t="str">
        <f>TCOS!$F$5</f>
        <v>AEPTCo subsidiaries in PJM</v>
      </c>
      <c r="G3" s="1441" t="str">
        <f>TCOS!$F$5</f>
        <v>AEPTCo subsidiaries in PJM</v>
      </c>
      <c r="H3" s="1441" t="str">
        <f>TCOS!$F$5</f>
        <v>AEPTCo subsidiaries in PJM</v>
      </c>
      <c r="I3" s="1441" t="str">
        <f>TCOS!$F$5</f>
        <v>AEPTCo subsidiaries in PJM</v>
      </c>
      <c r="J3" s="1441" t="str">
        <f>TCOS!$F$5</f>
        <v>AEPTCo subsidiaries in PJM</v>
      </c>
      <c r="K3" s="1441" t="str">
        <f>TCOS!$F$5</f>
        <v>AEPTCo subsidiaries in PJM</v>
      </c>
      <c r="L3" s="421"/>
      <c r="M3" s="421"/>
      <c r="N3" s="421"/>
      <c r="O3" s="421"/>
    </row>
    <row r="4" spans="1:22">
      <c r="A4" s="1464" t="str">
        <f>"Cost of Service Formula Rate Using Actual/Projected FF1 Balances"</f>
        <v>Cost of Service Formula Rate Using Actual/Projected FF1 Balances</v>
      </c>
      <c r="B4" s="1464"/>
      <c r="C4" s="1464"/>
      <c r="D4" s="1464"/>
      <c r="E4" s="1464"/>
      <c r="F4" s="1464"/>
      <c r="G4" s="1464"/>
      <c r="H4" s="1464"/>
      <c r="I4" s="1464"/>
      <c r="J4" s="1464"/>
      <c r="K4" s="1464"/>
      <c r="L4" s="441"/>
      <c r="M4" s="441"/>
      <c r="N4" s="441"/>
      <c r="O4" s="441"/>
    </row>
    <row r="5" spans="1:22">
      <c r="A5" s="1464" t="s">
        <v>22</v>
      </c>
      <c r="B5" s="1464"/>
      <c r="C5" s="1464"/>
      <c r="D5" s="1464"/>
      <c r="E5" s="1464"/>
      <c r="F5" s="1464"/>
      <c r="G5" s="1464"/>
      <c r="H5" s="1464"/>
      <c r="I5" s="1464"/>
      <c r="J5" s="1464"/>
      <c r="K5" s="1464"/>
      <c r="L5" s="423"/>
      <c r="M5" s="423"/>
      <c r="N5" s="423"/>
      <c r="O5" s="423"/>
    </row>
    <row r="6" spans="1:22">
      <c r="A6" s="1465" t="str">
        <f>TCOS!F9</f>
        <v>AEP Indiana Michigan Transmission Company</v>
      </c>
      <c r="B6" s="1465"/>
      <c r="C6" s="1465"/>
      <c r="D6" s="1465"/>
      <c r="E6" s="1465"/>
      <c r="F6" s="1465"/>
      <c r="G6" s="1465"/>
      <c r="H6" s="1465"/>
      <c r="I6" s="1465"/>
      <c r="J6" s="1465"/>
      <c r="K6" s="1465"/>
      <c r="L6" s="169"/>
      <c r="M6" s="169"/>
      <c r="N6" s="169"/>
      <c r="O6" s="169"/>
    </row>
    <row r="7" spans="1:22">
      <c r="A7" s="520"/>
      <c r="B7" s="520"/>
      <c r="C7" s="520"/>
      <c r="D7" s="520"/>
      <c r="E7" s="520"/>
      <c r="F7" s="520"/>
      <c r="G7" s="520"/>
      <c r="H7" s="520"/>
      <c r="I7" s="520"/>
      <c r="J7" s="520"/>
      <c r="K7" s="520"/>
      <c r="L7" s="520"/>
      <c r="M7" s="520"/>
      <c r="N7" s="520"/>
      <c r="O7" s="520"/>
    </row>
    <row r="8" spans="1:22" ht="18">
      <c r="A8" s="1477"/>
      <c r="B8" s="1477"/>
      <c r="C8" s="1477"/>
      <c r="D8" s="1477"/>
      <c r="E8" s="1477"/>
      <c r="F8" s="1477"/>
      <c r="G8" s="1477"/>
      <c r="H8" s="1477"/>
      <c r="I8" s="1477"/>
      <c r="J8" s="1477"/>
      <c r="K8" s="1477"/>
      <c r="L8" s="522"/>
      <c r="M8" s="523"/>
    </row>
    <row r="9" spans="1:22" ht="18">
      <c r="A9" s="521"/>
      <c r="B9" s="521"/>
      <c r="C9" s="521"/>
      <c r="D9" s="521"/>
      <c r="E9" s="521"/>
      <c r="F9" s="521"/>
      <c r="G9" s="521"/>
      <c r="H9" s="521"/>
      <c r="I9" s="521"/>
      <c r="J9" s="521"/>
      <c r="K9" s="521"/>
      <c r="L9" s="522"/>
      <c r="M9" s="523"/>
    </row>
    <row r="10" spans="1:22" ht="15.75">
      <c r="A10" s="524" t="s">
        <v>469</v>
      </c>
      <c r="B10" s="522"/>
      <c r="C10" s="525"/>
      <c r="D10" s="525"/>
      <c r="E10" s="525"/>
      <c r="F10" s="525"/>
      <c r="G10" s="526"/>
      <c r="H10" s="526"/>
      <c r="I10" s="524" t="s">
        <v>482</v>
      </c>
      <c r="J10" s="524" t="s">
        <v>365</v>
      </c>
      <c r="K10" s="527"/>
      <c r="N10" s="528"/>
      <c r="P10" s="528"/>
      <c r="R10" s="528"/>
      <c r="S10" s="528"/>
      <c r="T10" s="528"/>
      <c r="U10" s="394"/>
      <c r="V10" s="394"/>
    </row>
    <row r="11" spans="1:22" ht="15.75">
      <c r="A11" s="524" t="s">
        <v>407</v>
      </c>
      <c r="B11" s="1478" t="s">
        <v>467</v>
      </c>
      <c r="C11" s="1478"/>
      <c r="D11" s="1478"/>
      <c r="E11" s="1478"/>
      <c r="F11" s="1478"/>
      <c r="G11" s="1478"/>
      <c r="H11" s="1478"/>
      <c r="I11" s="529" t="s">
        <v>483</v>
      </c>
      <c r="J11" s="529" t="s">
        <v>417</v>
      </c>
      <c r="K11" s="529" t="s">
        <v>417</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c r="J17" s="538">
        <f>+I17-K17</f>
        <v>0</v>
      </c>
      <c r="K17" s="559"/>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2">
        <v>4</v>
      </c>
      <c r="B19" s="1255" t="s">
        <v>773</v>
      </c>
      <c r="C19" s="348"/>
      <c r="D19" s="1256"/>
      <c r="E19" s="1256"/>
      <c r="F19" s="1256"/>
      <c r="G19" s="1003"/>
      <c r="H19" s="1256"/>
      <c r="I19" s="559"/>
      <c r="J19" s="538">
        <f>+I19-K19</f>
        <v>0</v>
      </c>
      <c r="K19" s="559"/>
      <c r="N19" s="545"/>
      <c r="O19" s="314"/>
      <c r="P19" s="314"/>
      <c r="Q19" s="314"/>
      <c r="R19" s="314"/>
      <c r="S19" s="314"/>
      <c r="T19" s="314"/>
      <c r="U19" s="314"/>
      <c r="V19" s="314"/>
    </row>
    <row r="20" spans="1:22" s="535" customFormat="1" ht="12.75">
      <c r="A20" s="1002"/>
      <c r="B20" s="1255"/>
      <c r="C20" s="348"/>
      <c r="D20" s="1256"/>
      <c r="E20" s="1256"/>
      <c r="F20" s="1256"/>
      <c r="G20" s="1003"/>
      <c r="H20" s="1256"/>
      <c r="I20" s="314"/>
      <c r="J20" s="314"/>
      <c r="K20" s="314"/>
      <c r="L20" s="314"/>
      <c r="N20" s="545"/>
      <c r="O20" s="314"/>
      <c r="P20" s="314"/>
      <c r="Q20" s="314"/>
      <c r="R20" s="314"/>
      <c r="S20" s="314"/>
      <c r="T20" s="314"/>
      <c r="U20" s="314"/>
      <c r="V20" s="314"/>
    </row>
    <row r="21" spans="1:22" s="535" customFormat="1" ht="12.75">
      <c r="A21" s="1002">
        <v>5</v>
      </c>
      <c r="B21" s="1255" t="s">
        <v>774</v>
      </c>
      <c r="C21" s="348"/>
      <c r="D21" s="1256"/>
      <c r="E21" s="1256"/>
      <c r="F21" s="1256"/>
      <c r="G21" s="1003"/>
      <c r="H21" s="1256"/>
      <c r="I21" s="559">
        <v>365573000</v>
      </c>
      <c r="J21" s="538">
        <f>+I21-K21</f>
        <v>365573000</v>
      </c>
      <c r="K21" s="559">
        <v>0</v>
      </c>
      <c r="N21" s="545"/>
      <c r="O21" s="314"/>
      <c r="P21" s="314"/>
      <c r="Q21" s="314"/>
      <c r="R21" s="314"/>
      <c r="S21" s="314"/>
      <c r="T21" s="314"/>
      <c r="U21" s="314"/>
      <c r="V21" s="314"/>
    </row>
    <row r="22" spans="1:22" s="535" customFormat="1" ht="12.75">
      <c r="A22" s="1002"/>
      <c r="B22" s="1255"/>
      <c r="C22" s="348"/>
      <c r="D22" s="1256"/>
      <c r="E22" s="1256"/>
      <c r="F22" s="1256"/>
      <c r="G22" s="1003"/>
      <c r="H22" s="1256"/>
      <c r="I22" s="559"/>
      <c r="J22" s="538"/>
      <c r="K22" s="559"/>
      <c r="N22" s="545"/>
      <c r="O22" s="314"/>
      <c r="P22" s="314"/>
      <c r="Q22" s="314"/>
      <c r="R22" s="314"/>
      <c r="S22" s="314"/>
      <c r="T22" s="314"/>
      <c r="U22" s="314"/>
      <c r="V22" s="314"/>
    </row>
    <row r="23" spans="1:22" s="535" customFormat="1" ht="12.75">
      <c r="A23" s="1002" t="s">
        <v>627</v>
      </c>
      <c r="B23" s="1255" t="s">
        <v>628</v>
      </c>
      <c r="C23" s="348"/>
      <c r="D23" s="1256"/>
      <c r="E23" s="1256"/>
      <c r="F23" s="1256"/>
      <c r="G23" s="1003"/>
      <c r="H23" s="1256"/>
      <c r="I23" s="1004"/>
      <c r="J23" s="1005">
        <v>0</v>
      </c>
      <c r="K23" s="1004"/>
      <c r="N23" s="545"/>
      <c r="O23" s="314"/>
      <c r="P23" s="314"/>
      <c r="Q23" s="314"/>
      <c r="R23" s="314"/>
      <c r="S23" s="314"/>
      <c r="T23" s="314"/>
      <c r="U23" s="314"/>
      <c r="V23" s="314"/>
    </row>
    <row r="24" spans="1:22" s="535" customFormat="1" ht="12.75">
      <c r="A24" s="1002"/>
      <c r="B24" s="1255"/>
      <c r="C24" s="348"/>
      <c r="D24" s="1256"/>
      <c r="E24" s="1256"/>
      <c r="F24" s="1256"/>
      <c r="G24" s="1003"/>
      <c r="H24" s="1256"/>
      <c r="I24" s="1004"/>
      <c r="J24" s="1005"/>
      <c r="K24" s="1004"/>
      <c r="N24" s="545"/>
      <c r="O24" s="314"/>
      <c r="P24" s="314"/>
      <c r="Q24" s="314"/>
      <c r="R24" s="314"/>
      <c r="S24" s="314"/>
      <c r="T24" s="314"/>
      <c r="U24" s="314"/>
      <c r="V24" s="314"/>
    </row>
    <row r="25" spans="1:22" s="535" customFormat="1" ht="12.75">
      <c r="A25" s="1002" t="s">
        <v>629</v>
      </c>
      <c r="B25" s="1255" t="s">
        <v>630</v>
      </c>
      <c r="C25" s="348"/>
      <c r="D25" s="1256"/>
      <c r="E25" s="1256"/>
      <c r="F25" s="1256"/>
      <c r="G25" s="1003"/>
      <c r="H25" s="1256"/>
      <c r="I25" s="1004"/>
      <c r="J25" s="1005">
        <v>0</v>
      </c>
      <c r="K25" s="1004"/>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35</v>
      </c>
      <c r="D27" s="536"/>
      <c r="E27" s="536"/>
      <c r="F27" s="537"/>
      <c r="G27" s="543"/>
      <c r="H27" s="537"/>
      <c r="I27" s="547">
        <f>+I21+I19+I17+I15+I13+I23+I25</f>
        <v>365573000</v>
      </c>
      <c r="J27" s="547">
        <f>+J21+J19+J17+J15+J13+J23+J25</f>
        <v>365573000</v>
      </c>
      <c r="K27" s="547">
        <f>+K21+K19+K17+K15+K13+K23+K25</f>
        <v>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76" t="s">
        <v>12</v>
      </c>
      <c r="C29" s="1421"/>
      <c r="D29" s="1421"/>
      <c r="E29" s="1421"/>
      <c r="F29" s="1421"/>
      <c r="G29" s="1421"/>
      <c r="H29" s="541"/>
      <c r="I29" s="559"/>
      <c r="J29" s="538">
        <f>+I29-K29</f>
        <v>0</v>
      </c>
      <c r="K29" s="559"/>
      <c r="N29" s="314"/>
      <c r="O29" s="314"/>
      <c r="P29" s="314"/>
      <c r="Q29" s="314"/>
      <c r="R29" s="314"/>
      <c r="S29" s="314"/>
      <c r="T29" s="314"/>
      <c r="U29" s="314"/>
      <c r="V29" s="314"/>
    </row>
    <row r="30" spans="1:22" s="535" customFormat="1" ht="12.75">
      <c r="A30" s="533"/>
      <c r="B30" s="1421"/>
      <c r="C30" s="1421"/>
      <c r="D30" s="1421"/>
      <c r="E30" s="1421"/>
      <c r="F30" s="1421"/>
      <c r="G30" s="1421"/>
      <c r="H30" s="537"/>
      <c r="I30" s="546"/>
      <c r="J30" s="537"/>
      <c r="K30" s="548"/>
      <c r="N30" s="314"/>
      <c r="O30" s="314"/>
      <c r="P30" s="314"/>
      <c r="Q30" s="314"/>
      <c r="R30" s="314"/>
      <c r="S30" s="314"/>
      <c r="T30" s="314"/>
      <c r="U30" s="314"/>
      <c r="V30" s="314"/>
    </row>
    <row r="31" spans="1:22" s="535" customFormat="1" ht="12.75">
      <c r="A31" s="533">
        <f>+A29+1</f>
        <v>8</v>
      </c>
      <c r="B31" s="549" t="s">
        <v>507</v>
      </c>
      <c r="D31" s="536"/>
      <c r="E31" s="536"/>
      <c r="F31" s="537"/>
      <c r="G31" s="543"/>
      <c r="H31" s="537"/>
      <c r="I31" s="550">
        <f>+I27+I29</f>
        <v>365573000</v>
      </c>
      <c r="J31" s="550">
        <f>+J27+J29</f>
        <v>365573000</v>
      </c>
      <c r="K31" s="550">
        <f>+K27+K29</f>
        <v>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57</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95</v>
      </c>
      <c r="B36" s="1475"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475"/>
      <c r="D36" s="1475"/>
      <c r="E36" s="1475"/>
      <c r="F36" s="1475"/>
      <c r="G36" s="1475"/>
      <c r="H36" s="1475"/>
      <c r="I36" s="1475"/>
      <c r="J36" s="1475"/>
      <c r="K36" s="314"/>
      <c r="L36" s="314"/>
      <c r="M36" s="314"/>
      <c r="N36" s="314"/>
      <c r="O36" s="314"/>
      <c r="P36" s="314"/>
      <c r="Q36" s="314"/>
      <c r="R36" s="314"/>
      <c r="S36" s="314"/>
      <c r="T36" s="539"/>
      <c r="U36" s="314"/>
      <c r="V36" s="314"/>
    </row>
    <row r="37" spans="1:41" s="535" customFormat="1" ht="12.75">
      <c r="A37" s="314"/>
      <c r="B37" s="1475"/>
      <c r="C37" s="1475"/>
      <c r="D37" s="1475"/>
      <c r="E37" s="1475"/>
      <c r="F37" s="1475"/>
      <c r="G37" s="1475"/>
      <c r="H37" s="1475"/>
      <c r="I37" s="1475"/>
      <c r="J37" s="1475"/>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31</v>
      </c>
      <c r="B38" s="1257" t="s">
        <v>632</v>
      </c>
      <c r="C38" s="1076"/>
      <c r="D38" s="1076"/>
      <c r="E38" s="1076"/>
      <c r="F38" s="1076"/>
      <c r="G38" s="1076"/>
      <c r="H38" s="1076"/>
      <c r="I38" s="1076"/>
      <c r="J38" s="1001"/>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06290B21-0147-4CAA-B44B-23A238A48112}">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0-10-30T22:33: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7b105162-11d8-44ed-8faa-baf3e96cedcf</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